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127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70209\Desktop\責任技術者申請\"/>
    </mc:Choice>
  </mc:AlternateContent>
  <xr:revisionPtr revIDLastSave="0" documentId="13_ncr:1_{4E822013-58AB-43A3-8009-DBD205B6E693}" xr6:coauthVersionLast="47" xr6:coauthVersionMax="47" xr10:uidLastSave="{00000000-0000-0000-0000-000000000000}"/>
  <bookViews>
    <workbookView xWindow="-26955" yWindow="1050" windowWidth="20820" windowHeight="14100" tabRatio="752" activeTab="3" xr2:uid="{553A939B-F02C-4ACB-B44B-764E74BC4EF0}"/>
  </bookViews>
  <sheets>
    <sheet name="チェックリスト  (新規)" sheetId="7" r:id="rId1"/>
    <sheet name="チェックリスト （更新）" sheetId="6" r:id="rId2"/>
    <sheet name="様式7-2 誓約書 " sheetId="3" r:id="rId3"/>
    <sheet name="様式9(異動届)" sheetId="5" r:id="rId4"/>
    <sheet name="様式10(再交付)" sheetId="4" r:id="rId5"/>
  </sheets>
  <definedNames>
    <definedName name="_xlnm.Print_Area" localSheetId="0">'チェックリスト  (新規)'!$A$1:$H$17</definedName>
    <definedName name="_xlnm.Print_Area" localSheetId="1">'チェックリスト （更新）'!$A$1:$I$17</definedName>
    <definedName name="_xlnm.Print_Area" localSheetId="4">'様式10(再交付)'!$A$1:$I$31</definedName>
    <definedName name="_xlnm.Print_Area" localSheetId="3">'様式9(異動届)'!$A$1:$J$28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09" uniqueCount="83">
  <si>
    <t>〔添付書類〕</t>
    <rPh sb="1" eb="3">
      <t>テンプ</t>
    </rPh>
    <rPh sb="3" eb="5">
      <t>ショルイ</t>
    </rPh>
    <phoneticPr fontId="4"/>
  </si>
  <si>
    <t>電話番号</t>
    <rPh sb="0" eb="2">
      <t>デンワ</t>
    </rPh>
    <rPh sb="2" eb="4">
      <t>バンゴウ</t>
    </rPh>
    <phoneticPr fontId="4"/>
  </si>
  <si>
    <t>〒</t>
    <phoneticPr fontId="4"/>
  </si>
  <si>
    <r>
      <t xml:space="preserve">電 話 番 号
</t>
    </r>
    <r>
      <rPr>
        <sz val="8"/>
        <rFont val="ＭＳ 明朝"/>
        <family val="1"/>
        <charset val="128"/>
      </rPr>
      <t>(携帯電話番号併記)</t>
    </r>
    <rPh sb="0" eb="1">
      <t>デン</t>
    </rPh>
    <rPh sb="2" eb="3">
      <t>ハナシ</t>
    </rPh>
    <rPh sb="4" eb="5">
      <t>バン</t>
    </rPh>
    <rPh sb="6" eb="7">
      <t>ゴウ</t>
    </rPh>
    <rPh sb="9" eb="11">
      <t>ケイタイ</t>
    </rPh>
    <rPh sb="11" eb="13">
      <t>デンワ</t>
    </rPh>
    <rPh sb="13" eb="15">
      <t>バンゴウ</t>
    </rPh>
    <rPh sb="15" eb="17">
      <t>ヘイキ</t>
    </rPh>
    <phoneticPr fontId="4"/>
  </si>
  <si>
    <t>　加西市長　　　　　　　 様</t>
    <rPh sb="1" eb="3">
      <t>カサイ</t>
    </rPh>
    <rPh sb="3" eb="5">
      <t>シチョウ</t>
    </rPh>
    <rPh sb="13" eb="14">
      <t>サマ</t>
    </rPh>
    <phoneticPr fontId="4"/>
  </si>
  <si>
    <t>加 西 市 長　様</t>
    <rPh sb="0" eb="1">
      <t>カ</t>
    </rPh>
    <rPh sb="2" eb="3">
      <t>ニシ</t>
    </rPh>
    <rPh sb="4" eb="5">
      <t>シ</t>
    </rPh>
    <rPh sb="6" eb="7">
      <t>ナガ</t>
    </rPh>
    <rPh sb="8" eb="9">
      <t>サマ</t>
    </rPh>
    <phoneticPr fontId="4"/>
  </si>
  <si>
    <t>住　　所</t>
    <rPh sb="0" eb="1">
      <t>ジュウ</t>
    </rPh>
    <rPh sb="3" eb="4">
      <t>ショ</t>
    </rPh>
    <phoneticPr fontId="4"/>
  </si>
  <si>
    <t>氏　　名</t>
    <rPh sb="0" eb="1">
      <t>シ</t>
    </rPh>
    <rPh sb="3" eb="4">
      <t>ナ</t>
    </rPh>
    <phoneticPr fontId="4"/>
  </si>
  <si>
    <t>申　請　者</t>
    <rPh sb="0" eb="1">
      <t>サル</t>
    </rPh>
    <rPh sb="2" eb="3">
      <t>ショウ</t>
    </rPh>
    <rPh sb="4" eb="5">
      <t>モノ</t>
    </rPh>
    <phoneticPr fontId="4"/>
  </si>
  <si>
    <t>年　　　　月　　　　日</t>
    <rPh sb="0" eb="1">
      <t>ネン</t>
    </rPh>
    <rPh sb="5" eb="6">
      <t>ツキ</t>
    </rPh>
    <rPh sb="10" eb="11">
      <t>ニチ</t>
    </rPh>
    <phoneticPr fontId="4"/>
  </si>
  <si>
    <t>該当しないことを誓約します。</t>
    <phoneticPr fontId="4"/>
  </si>
  <si>
    <t>加西市下水道排水設備指定工事店規則第13条第２項のいずれにも</t>
    <rPh sb="2" eb="3">
      <t>シ</t>
    </rPh>
    <rPh sb="7" eb="8">
      <t>ミズ</t>
    </rPh>
    <rPh sb="12" eb="14">
      <t>コウジ</t>
    </rPh>
    <rPh sb="14" eb="15">
      <t>テン</t>
    </rPh>
    <rPh sb="15" eb="17">
      <t>キソク</t>
    </rPh>
    <rPh sb="17" eb="18">
      <t>ダイ</t>
    </rPh>
    <rPh sb="20" eb="21">
      <t>ジョウ</t>
    </rPh>
    <rPh sb="21" eb="22">
      <t>ダイ</t>
    </rPh>
    <rPh sb="23" eb="24">
      <t>コウ</t>
    </rPh>
    <phoneticPr fontId="4"/>
  </si>
  <si>
    <t>　私は、下水道排水設備工事責任技術者登録（登録更新）申請にあたり、</t>
    <rPh sb="1" eb="2">
      <t>ワタシ</t>
    </rPh>
    <rPh sb="4" eb="7">
      <t>ゲスイドウ</t>
    </rPh>
    <rPh sb="7" eb="9">
      <t>ハイスイ</t>
    </rPh>
    <rPh sb="9" eb="11">
      <t>セツビ</t>
    </rPh>
    <rPh sb="11" eb="13">
      <t>コウジ</t>
    </rPh>
    <rPh sb="13" eb="15">
      <t>セキニン</t>
    </rPh>
    <rPh sb="15" eb="18">
      <t>ギジュツシャ</t>
    </rPh>
    <rPh sb="18" eb="20">
      <t>トウロク</t>
    </rPh>
    <rPh sb="21" eb="23">
      <t>トウロク</t>
    </rPh>
    <rPh sb="23" eb="25">
      <t>コウシン</t>
    </rPh>
    <rPh sb="26" eb="28">
      <t>シンセイ</t>
    </rPh>
    <phoneticPr fontId="4"/>
  </si>
  <si>
    <t>誓約書</t>
    <rPh sb="0" eb="3">
      <t>セイヤクショ</t>
    </rPh>
    <phoneticPr fontId="4"/>
  </si>
  <si>
    <t>様式第７号の２（第１４条、第１７条関係）</t>
    <rPh sb="0" eb="2">
      <t>ヨウシキ</t>
    </rPh>
    <rPh sb="2" eb="3">
      <t>ダイ</t>
    </rPh>
    <rPh sb="4" eb="5">
      <t>ゴウ</t>
    </rPh>
    <rPh sb="8" eb="9">
      <t>ダイ</t>
    </rPh>
    <rPh sb="11" eb="12">
      <t>ジョウ</t>
    </rPh>
    <rPh sb="13" eb="14">
      <t>ダイ</t>
    </rPh>
    <rPh sb="16" eb="17">
      <t>ジョウ</t>
    </rPh>
    <rPh sb="17" eb="19">
      <t>カンケイ</t>
    </rPh>
    <phoneticPr fontId="4"/>
  </si>
  <si>
    <t>２　写真　２枚（最近３か月以内に撮影した上半身のもの、縦3cm×横2.5cm）</t>
    <rPh sb="2" eb="4">
      <t>シャシン</t>
    </rPh>
    <rPh sb="6" eb="7">
      <t>マイ</t>
    </rPh>
    <rPh sb="8" eb="10">
      <t>サイキン</t>
    </rPh>
    <rPh sb="12" eb="13">
      <t>ゲツ</t>
    </rPh>
    <rPh sb="13" eb="15">
      <t>イナイ</t>
    </rPh>
    <rPh sb="16" eb="18">
      <t>サツエイ</t>
    </rPh>
    <rPh sb="20" eb="23">
      <t>ジョウハンシン</t>
    </rPh>
    <rPh sb="27" eb="28">
      <t>タテ</t>
    </rPh>
    <rPh sb="32" eb="33">
      <t>ヨコ</t>
    </rPh>
    <phoneticPr fontId="4"/>
  </si>
  <si>
    <t>１　住民票、在留カード又は特別永住者証明書の写し</t>
    <rPh sb="2" eb="5">
      <t>ジュウミンヒョウ</t>
    </rPh>
    <phoneticPr fontId="4"/>
  </si>
  <si>
    <t>電話　　　　　　　　　　　　　　FAX　　　　　　</t>
    <rPh sb="0" eb="2">
      <t>デンワ</t>
    </rPh>
    <phoneticPr fontId="4"/>
  </si>
  <si>
    <t>所　在　地</t>
    <rPh sb="0" eb="1">
      <t>トコロ</t>
    </rPh>
    <rPh sb="2" eb="3">
      <t>ザイ</t>
    </rPh>
    <rPh sb="4" eb="5">
      <t>チ</t>
    </rPh>
    <phoneticPr fontId="4"/>
  </si>
  <si>
    <t>商　　　  号</t>
    <rPh sb="0" eb="1">
      <t>ショウ</t>
    </rPh>
    <rPh sb="6" eb="7">
      <t>ゴウ</t>
    </rPh>
    <phoneticPr fontId="4"/>
  </si>
  <si>
    <t>第　　　　　　　　　　　　　　号</t>
    <rPh sb="0" eb="1">
      <t>ダイ</t>
    </rPh>
    <rPh sb="15" eb="16">
      <t>ゴウ</t>
    </rPh>
    <phoneticPr fontId="4"/>
  </si>
  <si>
    <t>登録番号</t>
    <rPh sb="0" eb="1">
      <t>ノボル</t>
    </rPh>
    <rPh sb="1" eb="2">
      <t>ロク</t>
    </rPh>
    <rPh sb="2" eb="3">
      <t>バン</t>
    </rPh>
    <rPh sb="3" eb="4">
      <t>ゴウ</t>
    </rPh>
    <phoneticPr fontId="4"/>
  </si>
  <si>
    <t>選任指定工事店</t>
    <rPh sb="0" eb="2">
      <t>センニン</t>
    </rPh>
    <rPh sb="2" eb="4">
      <t>シテイ</t>
    </rPh>
    <rPh sb="4" eb="5">
      <t>タクミ</t>
    </rPh>
    <rPh sb="5" eb="6">
      <t>コト</t>
    </rPh>
    <rPh sb="6" eb="7">
      <t>テン</t>
    </rPh>
    <phoneticPr fontId="4"/>
  </si>
  <si>
    <t>（　　　　　　　）</t>
    <phoneticPr fontId="4"/>
  </si>
  <si>
    <t>住　　所</t>
    <rPh sb="0" eb="1">
      <t>ジュウ</t>
    </rPh>
    <rPh sb="3" eb="4">
      <t>トコロ</t>
    </rPh>
    <phoneticPr fontId="4"/>
  </si>
  <si>
    <t>年　　　　　月　　　　　日　生</t>
    <phoneticPr fontId="4"/>
  </si>
  <si>
    <t>年　　　　　月　　　　　日　生</t>
    <rPh sb="0" eb="1">
      <t>ネン</t>
    </rPh>
    <rPh sb="6" eb="7">
      <t>ツキ</t>
    </rPh>
    <rPh sb="12" eb="13">
      <t>ヒ</t>
    </rPh>
    <rPh sb="14" eb="15">
      <t>ウ</t>
    </rPh>
    <phoneticPr fontId="4"/>
  </si>
  <si>
    <r>
      <t xml:space="preserve">生 年 月 日
</t>
    </r>
    <r>
      <rPr>
        <sz val="8"/>
        <rFont val="ＭＳ 明朝"/>
        <family val="1"/>
        <charset val="128"/>
      </rPr>
      <t>(西暦年を併記)</t>
    </r>
    <rPh sb="0" eb="1">
      <t>ショウ</t>
    </rPh>
    <rPh sb="2" eb="3">
      <t>ネン</t>
    </rPh>
    <rPh sb="4" eb="5">
      <t>ヅキ</t>
    </rPh>
    <rPh sb="6" eb="7">
      <t>ヒ</t>
    </rPh>
    <rPh sb="9" eb="11">
      <t>セイレキ</t>
    </rPh>
    <rPh sb="11" eb="12">
      <t>ネン</t>
    </rPh>
    <rPh sb="13" eb="15">
      <t>ヘイキ</t>
    </rPh>
    <phoneticPr fontId="4"/>
  </si>
  <si>
    <t>氏　  名</t>
    <rPh sb="0" eb="1">
      <t>シ</t>
    </rPh>
    <rPh sb="4" eb="5">
      <t>メイ</t>
    </rPh>
    <phoneticPr fontId="4"/>
  </si>
  <si>
    <t>ふりがな</t>
    <phoneticPr fontId="4"/>
  </si>
  <si>
    <t>申　　　　請　　　　者</t>
    <rPh sb="0" eb="1">
      <t>サル</t>
    </rPh>
    <rPh sb="5" eb="6">
      <t>ショウ</t>
    </rPh>
    <rPh sb="10" eb="11">
      <t>モノ</t>
    </rPh>
    <phoneticPr fontId="4"/>
  </si>
  <si>
    <t>責任技術者証の再交付を申請します。</t>
    <rPh sb="1" eb="2">
      <t>ニン</t>
    </rPh>
    <rPh sb="2" eb="4">
      <t>ギジュツ</t>
    </rPh>
    <rPh sb="4" eb="5">
      <t>シャ</t>
    </rPh>
    <rPh sb="5" eb="6">
      <t>ショウ</t>
    </rPh>
    <rPh sb="7" eb="10">
      <t>サイコウフ</t>
    </rPh>
    <rPh sb="11" eb="13">
      <t>シンセイ</t>
    </rPh>
    <phoneticPr fontId="4"/>
  </si>
  <si>
    <t>　加西市下水道排水設備指定工事店規則第15条第4項の規定に基づき関係書類を添えて</t>
    <rPh sb="1" eb="4">
      <t>カサイシ</t>
    </rPh>
    <rPh sb="4" eb="7">
      <t>ゲスイドウ</t>
    </rPh>
    <rPh sb="7" eb="9">
      <t>ハイスイ</t>
    </rPh>
    <rPh sb="9" eb="11">
      <t>セツビ</t>
    </rPh>
    <rPh sb="11" eb="13">
      <t>シテイ</t>
    </rPh>
    <rPh sb="13" eb="15">
      <t>コウジ</t>
    </rPh>
    <rPh sb="15" eb="16">
      <t>テン</t>
    </rPh>
    <rPh sb="16" eb="18">
      <t>キソク</t>
    </rPh>
    <rPh sb="18" eb="19">
      <t>ダイ</t>
    </rPh>
    <rPh sb="21" eb="22">
      <t>ジョウ</t>
    </rPh>
    <rPh sb="22" eb="23">
      <t>ダイ</t>
    </rPh>
    <rPh sb="24" eb="25">
      <t>コウ</t>
    </rPh>
    <rPh sb="26" eb="28">
      <t>キテイ</t>
    </rPh>
    <rPh sb="29" eb="30">
      <t>モト</t>
    </rPh>
    <rPh sb="32" eb="34">
      <t>カンケイ</t>
    </rPh>
    <rPh sb="34" eb="36">
      <t>ショルイ</t>
    </rPh>
    <rPh sb="37" eb="38">
      <t>ソ</t>
    </rPh>
    <phoneticPr fontId="4"/>
  </si>
  <si>
    <t>年　　　月　　　日　</t>
    <rPh sb="0" eb="1">
      <t>ネン</t>
    </rPh>
    <rPh sb="4" eb="5">
      <t>ツキ</t>
    </rPh>
    <rPh sb="8" eb="9">
      <t>ヒ</t>
    </rPh>
    <phoneticPr fontId="4"/>
  </si>
  <si>
    <t>責　任　技　術　者　証　再　交　付　申　請　書</t>
    <rPh sb="0" eb="1">
      <t>セキ</t>
    </rPh>
    <rPh sb="2" eb="3">
      <t>ニン</t>
    </rPh>
    <rPh sb="4" eb="5">
      <t>ワザ</t>
    </rPh>
    <rPh sb="6" eb="7">
      <t>ジュツ</t>
    </rPh>
    <rPh sb="8" eb="9">
      <t>シャ</t>
    </rPh>
    <rPh sb="10" eb="11">
      <t>ショウ</t>
    </rPh>
    <rPh sb="12" eb="13">
      <t>サイ</t>
    </rPh>
    <rPh sb="14" eb="15">
      <t>コウ</t>
    </rPh>
    <rPh sb="16" eb="17">
      <t>ヅケ</t>
    </rPh>
    <rPh sb="18" eb="19">
      <t>サル</t>
    </rPh>
    <rPh sb="20" eb="21">
      <t>ショウ</t>
    </rPh>
    <rPh sb="22" eb="23">
      <t>ショ</t>
    </rPh>
    <phoneticPr fontId="4"/>
  </si>
  <si>
    <t>様式第１０号（第１５条関係）</t>
    <rPh sb="0" eb="2">
      <t>ヨウシキ</t>
    </rPh>
    <rPh sb="2" eb="3">
      <t>ダイ</t>
    </rPh>
    <rPh sb="5" eb="6">
      <t>ゴウ</t>
    </rPh>
    <rPh sb="7" eb="8">
      <t>ダイ</t>
    </rPh>
    <rPh sb="10" eb="11">
      <t>ジョウ</t>
    </rPh>
    <rPh sb="11" eb="13">
      <t>カンケイ</t>
    </rPh>
    <phoneticPr fontId="4"/>
  </si>
  <si>
    <t>3.責任技術者証</t>
    <rPh sb="2" eb="4">
      <t>セキニン</t>
    </rPh>
    <rPh sb="4" eb="6">
      <t>ギジュツ</t>
    </rPh>
    <rPh sb="6" eb="7">
      <t>シャ</t>
    </rPh>
    <rPh sb="7" eb="8">
      <t>ショウ</t>
    </rPh>
    <phoneticPr fontId="4"/>
  </si>
  <si>
    <t>　　　　　　　　　　　　　　　　　　　　　　（氏名及び住所又は住居表示変更の場合）</t>
    <rPh sb="23" eb="25">
      <t>シメイ</t>
    </rPh>
    <rPh sb="25" eb="26">
      <t>オヨ</t>
    </rPh>
    <rPh sb="27" eb="29">
      <t>ジュウショ</t>
    </rPh>
    <rPh sb="29" eb="30">
      <t>マタ</t>
    </rPh>
    <rPh sb="31" eb="33">
      <t>ジュウキョ</t>
    </rPh>
    <rPh sb="33" eb="35">
      <t>ヒョウジ</t>
    </rPh>
    <rPh sb="35" eb="37">
      <t>ヘンコウ</t>
    </rPh>
    <rPh sb="38" eb="40">
      <t>バアイ</t>
    </rPh>
    <phoneticPr fontId="4"/>
  </si>
  <si>
    <t>2.写真 ２枚（最近３か月以内に撮影した上半身のもの、縦3cm×横2.5cm）</t>
    <rPh sb="2" eb="4">
      <t>シャシン</t>
    </rPh>
    <rPh sb="6" eb="7">
      <t>マイ</t>
    </rPh>
    <rPh sb="8" eb="10">
      <t>サイキン</t>
    </rPh>
    <rPh sb="12" eb="13">
      <t>ゲツ</t>
    </rPh>
    <rPh sb="13" eb="15">
      <t>イナイ</t>
    </rPh>
    <rPh sb="16" eb="18">
      <t>サツエイ</t>
    </rPh>
    <rPh sb="20" eb="23">
      <t>ジョウハンシン</t>
    </rPh>
    <rPh sb="27" eb="28">
      <t>タテ</t>
    </rPh>
    <rPh sb="32" eb="33">
      <t>ヨコ</t>
    </rPh>
    <phoneticPr fontId="4"/>
  </si>
  <si>
    <t>1.住民票、在留カード又は特別永住者証明書の写し（氏名及び住所又は住居表示の変更の場合）</t>
    <rPh sb="2" eb="4">
      <t>ジュウミン</t>
    </rPh>
    <rPh sb="4" eb="5">
      <t>ヒョウ</t>
    </rPh>
    <rPh sb="6" eb="8">
      <t>ザイリュウ</t>
    </rPh>
    <rPh sb="11" eb="12">
      <t>マタ</t>
    </rPh>
    <rPh sb="13" eb="15">
      <t>トクベツ</t>
    </rPh>
    <rPh sb="15" eb="17">
      <t>エイジュウ</t>
    </rPh>
    <rPh sb="17" eb="18">
      <t>シャ</t>
    </rPh>
    <rPh sb="18" eb="21">
      <t>ショウメイショ</t>
    </rPh>
    <rPh sb="22" eb="23">
      <t>ウツ</t>
    </rPh>
    <rPh sb="25" eb="27">
      <t>シメイ</t>
    </rPh>
    <rPh sb="27" eb="28">
      <t>オヨ</t>
    </rPh>
    <rPh sb="29" eb="31">
      <t>ジュウショ</t>
    </rPh>
    <rPh sb="31" eb="32">
      <t>マタ</t>
    </rPh>
    <rPh sb="33" eb="35">
      <t>ジュウキョ</t>
    </rPh>
    <rPh sb="35" eb="37">
      <t>ヒョウジ</t>
    </rPh>
    <rPh sb="38" eb="40">
      <t>ヘンコウ</t>
    </rPh>
    <rPh sb="41" eb="43">
      <t>バアイ</t>
    </rPh>
    <phoneticPr fontId="4"/>
  </si>
  <si>
    <t>工 事 店
登録番号</t>
    <rPh sb="0" eb="1">
      <t>コウ</t>
    </rPh>
    <rPh sb="2" eb="3">
      <t>コト</t>
    </rPh>
    <rPh sb="4" eb="5">
      <t>テン</t>
    </rPh>
    <rPh sb="6" eb="8">
      <t>トウロク</t>
    </rPh>
    <rPh sb="8" eb="10">
      <t>バンゴウ</t>
    </rPh>
    <phoneticPr fontId="4"/>
  </si>
  <si>
    <t>住所 〒</t>
    <rPh sb="0" eb="2">
      <t>ジュウショ</t>
    </rPh>
    <phoneticPr fontId="4"/>
  </si>
  <si>
    <t>名称</t>
    <rPh sb="0" eb="2">
      <t>メイショウ</t>
    </rPh>
    <phoneticPr fontId="4"/>
  </si>
  <si>
    <r>
      <t xml:space="preserve">ふ り が な
</t>
    </r>
    <r>
      <rPr>
        <sz val="10.5"/>
        <rFont val="ＭＳ 明朝"/>
        <family val="1"/>
        <charset val="128"/>
      </rPr>
      <t xml:space="preserve">
旧　氏　名</t>
    </r>
    <rPh sb="9" eb="10">
      <t>キュウ</t>
    </rPh>
    <phoneticPr fontId="4"/>
  </si>
  <si>
    <r>
      <t xml:space="preserve">ふ り が な
</t>
    </r>
    <r>
      <rPr>
        <sz val="10.5"/>
        <rFont val="ＭＳ 明朝"/>
        <family val="1"/>
        <charset val="128"/>
      </rPr>
      <t xml:space="preserve">
新　氏　名</t>
    </r>
    <phoneticPr fontId="4"/>
  </si>
  <si>
    <t>所</t>
    <rPh sb="0" eb="1">
      <t>トコロ</t>
    </rPh>
    <phoneticPr fontId="4"/>
  </si>
  <si>
    <t>住</t>
    <rPh sb="0" eb="1">
      <t>ジュウ</t>
    </rPh>
    <phoneticPr fontId="4"/>
  </si>
  <si>
    <t>旧</t>
    <rPh sb="0" eb="1">
      <t>キュウ</t>
    </rPh>
    <phoneticPr fontId="4"/>
  </si>
  <si>
    <t>電話番号(携帯電話番号併記)</t>
    <rPh sb="0" eb="2">
      <t>デンワ</t>
    </rPh>
    <rPh sb="2" eb="4">
      <t>バンゴウ</t>
    </rPh>
    <rPh sb="5" eb="7">
      <t>ケイタイ</t>
    </rPh>
    <rPh sb="7" eb="9">
      <t>デンワ</t>
    </rPh>
    <rPh sb="9" eb="11">
      <t>バンゴウ</t>
    </rPh>
    <rPh sb="11" eb="13">
      <t>ヘイキ</t>
    </rPh>
    <phoneticPr fontId="4"/>
  </si>
  <si>
    <t>新</t>
    <rPh sb="0" eb="1">
      <t>シン</t>
    </rPh>
    <phoneticPr fontId="4"/>
  </si>
  <si>
    <t>氏　　名　　　　　　　　　　　　</t>
    <rPh sb="0" eb="1">
      <t>シ</t>
    </rPh>
    <rPh sb="3" eb="4">
      <t>ナ</t>
    </rPh>
    <phoneticPr fontId="4"/>
  </si>
  <si>
    <t>登録番号　第　　　　　　号</t>
    <rPh sb="0" eb="2">
      <t>トウロク</t>
    </rPh>
    <rPh sb="2" eb="4">
      <t>バンゴウ</t>
    </rPh>
    <rPh sb="5" eb="6">
      <t>ダイ</t>
    </rPh>
    <rPh sb="12" eb="13">
      <t>ゴウ</t>
    </rPh>
    <phoneticPr fontId="4"/>
  </si>
  <si>
    <t>年　　　月　　　日</t>
    <rPh sb="0" eb="1">
      <t>ネン</t>
    </rPh>
    <rPh sb="4" eb="5">
      <t>ツキ</t>
    </rPh>
    <rPh sb="8" eb="9">
      <t>ヒ</t>
    </rPh>
    <phoneticPr fontId="4"/>
  </si>
  <si>
    <t>責任技術者(住所・氏名・勤務先)異動届</t>
    <rPh sb="0" eb="2">
      <t>セキニン</t>
    </rPh>
    <rPh sb="2" eb="5">
      <t>ギジュツシャ</t>
    </rPh>
    <rPh sb="6" eb="8">
      <t>ジュウショ</t>
    </rPh>
    <rPh sb="9" eb="11">
      <t>シメイ</t>
    </rPh>
    <rPh sb="12" eb="15">
      <t>キンムサキ</t>
    </rPh>
    <rPh sb="16" eb="18">
      <t>イドウ</t>
    </rPh>
    <rPh sb="18" eb="19">
      <t>トドケ</t>
    </rPh>
    <phoneticPr fontId="4"/>
  </si>
  <si>
    <t>様式第９号（第１５条関係）</t>
    <rPh sb="0" eb="2">
      <t>ヨウシキ</t>
    </rPh>
    <rPh sb="2" eb="3">
      <t>ダイ</t>
    </rPh>
    <rPh sb="4" eb="5">
      <t>ゴウ</t>
    </rPh>
    <rPh sb="6" eb="7">
      <t>ダイ</t>
    </rPh>
    <rPh sb="9" eb="10">
      <t>ジョウ</t>
    </rPh>
    <rPh sb="10" eb="12">
      <t>カンケイ</t>
    </rPh>
    <phoneticPr fontId="4"/>
  </si>
  <si>
    <r>
      <t xml:space="preserve">
※欄は記入しないこと。
</t>
    </r>
    <r>
      <rPr>
        <sz val="11"/>
        <color indexed="10"/>
        <rFont val="ＭＳ ゴシック"/>
        <family val="3"/>
        <charset val="128"/>
      </rPr>
      <t>申請時の注意事項</t>
    </r>
    <r>
      <rPr>
        <sz val="11"/>
        <rFont val="ＭＳ ゴシック"/>
        <family val="3"/>
        <charset val="128"/>
      </rPr>
      <t xml:space="preserve">
・更新登録手数料納付書は上下水道課(下水担当)で発行します。
・申請書電話番号欄には、自宅、携帯電話等、勤務先等必ず連絡がつく電話番号を複数記載して下さい。
・この確認票により申請書類に不備がないかどうか、よく確認のうえ、この確認票と共に申請書類を提出してください。
・提出書類はすべてＡ４サイズで提出してください。
</t>
    </r>
    <rPh sb="2" eb="3">
      <t>ラン</t>
    </rPh>
    <rPh sb="4" eb="6">
      <t>キニュウ</t>
    </rPh>
    <rPh sb="14" eb="16">
      <t>シンセイ</t>
    </rPh>
    <rPh sb="16" eb="17">
      <t>ジ</t>
    </rPh>
    <rPh sb="18" eb="20">
      <t>チュウイ</t>
    </rPh>
    <rPh sb="20" eb="22">
      <t>ジコウ</t>
    </rPh>
    <rPh sb="24" eb="26">
      <t>コウシン</t>
    </rPh>
    <rPh sb="142" eb="144">
      <t>シンセイ</t>
    </rPh>
    <phoneticPr fontId="4"/>
  </si>
  <si>
    <t>更新登録手数料領収書の写し（手数料５.０００円）</t>
    <rPh sb="0" eb="2">
      <t>コウシン</t>
    </rPh>
    <rPh sb="2" eb="4">
      <t>トウロク</t>
    </rPh>
    <rPh sb="4" eb="7">
      <t>テスウリョウ</t>
    </rPh>
    <rPh sb="7" eb="10">
      <t>リョウシュウショ</t>
    </rPh>
    <rPh sb="11" eb="12">
      <t>ウツ</t>
    </rPh>
    <rPh sb="14" eb="17">
      <t>テスウリョウ</t>
    </rPh>
    <rPh sb="22" eb="23">
      <t>エン</t>
    </rPh>
    <phoneticPr fontId="4"/>
  </si>
  <si>
    <t>加西市下水道工事排水設備工事責任技術者証の写し　
*紛失の場合は始末書を添付すること(任意様式)</t>
    <rPh sb="0" eb="3">
      <t>カサイシ</t>
    </rPh>
    <rPh sb="3" eb="6">
      <t>ゲスイドウ</t>
    </rPh>
    <rPh sb="6" eb="8">
      <t>コウジ</t>
    </rPh>
    <rPh sb="8" eb="10">
      <t>ハイスイ</t>
    </rPh>
    <rPh sb="10" eb="12">
      <t>セツビ</t>
    </rPh>
    <rPh sb="12" eb="14">
      <t>コウジ</t>
    </rPh>
    <rPh sb="14" eb="16">
      <t>セキニン</t>
    </rPh>
    <rPh sb="16" eb="19">
      <t>ギジュツシャ</t>
    </rPh>
    <rPh sb="19" eb="20">
      <t>ショウ</t>
    </rPh>
    <rPh sb="21" eb="22">
      <t>ウツ</t>
    </rPh>
    <rPh sb="27" eb="29">
      <t>フンシツ</t>
    </rPh>
    <rPh sb="30" eb="32">
      <t>バアイ</t>
    </rPh>
    <rPh sb="33" eb="36">
      <t>シマツショ</t>
    </rPh>
    <rPh sb="37" eb="39">
      <t>テンプ</t>
    </rPh>
    <rPh sb="44" eb="46">
      <t>ニンイ</t>
    </rPh>
    <rPh sb="46" eb="48">
      <t>ヨウシキ</t>
    </rPh>
    <phoneticPr fontId="4"/>
  </si>
  <si>
    <t>下水道排水設備工事責任技術者　合格証又は修了証の写し
（兵庫県まちづくり技術センター発行のもの）</t>
    <rPh sb="0" eb="3">
      <t>ゲスイドウ</t>
    </rPh>
    <rPh sb="3" eb="5">
      <t>ハイスイ</t>
    </rPh>
    <rPh sb="5" eb="7">
      <t>セツビ</t>
    </rPh>
    <rPh sb="7" eb="9">
      <t>コウジ</t>
    </rPh>
    <rPh sb="9" eb="11">
      <t>セキニン</t>
    </rPh>
    <rPh sb="11" eb="14">
      <t>ギジュツシャ</t>
    </rPh>
    <rPh sb="15" eb="17">
      <t>ゴウカク</t>
    </rPh>
    <rPh sb="17" eb="18">
      <t>ショウ</t>
    </rPh>
    <rPh sb="18" eb="19">
      <t>マタ</t>
    </rPh>
    <rPh sb="20" eb="22">
      <t>シュウリョウ</t>
    </rPh>
    <rPh sb="22" eb="23">
      <t>ショウ</t>
    </rPh>
    <rPh sb="24" eb="25">
      <t>ウツ</t>
    </rPh>
    <rPh sb="43" eb="45">
      <t>ハッコウ</t>
    </rPh>
    <phoneticPr fontId="4"/>
  </si>
  <si>
    <r>
      <t xml:space="preserve">写真２枚(最近3ヶ月以内に撮影した上半身のもの、縦3cm×横2.5cm)
</t>
    </r>
    <r>
      <rPr>
        <sz val="8"/>
        <rFont val="ＭＳ ゴシック"/>
        <family val="3"/>
        <charset val="128"/>
      </rPr>
      <t>*1枚は申請書に貼付　1枚の裏には必ず氏名、技術者番号を記入すること</t>
    </r>
    <rPh sb="0" eb="2">
      <t>シャシン</t>
    </rPh>
    <rPh sb="3" eb="4">
      <t>マイ</t>
    </rPh>
    <rPh sb="5" eb="7">
      <t>サイキン</t>
    </rPh>
    <rPh sb="9" eb="10">
      <t>ゲツ</t>
    </rPh>
    <rPh sb="10" eb="12">
      <t>イナイ</t>
    </rPh>
    <rPh sb="13" eb="15">
      <t>サツエイ</t>
    </rPh>
    <rPh sb="17" eb="20">
      <t>ジョウハンシン</t>
    </rPh>
    <rPh sb="24" eb="25">
      <t>タテ</t>
    </rPh>
    <rPh sb="29" eb="30">
      <t>ヨコ</t>
    </rPh>
    <rPh sb="40" eb="41">
      <t>マイ</t>
    </rPh>
    <rPh sb="42" eb="45">
      <t>シンセイショ</t>
    </rPh>
    <rPh sb="46" eb="48">
      <t>チョウフ</t>
    </rPh>
    <rPh sb="50" eb="51">
      <t>マイ</t>
    </rPh>
    <rPh sb="52" eb="53">
      <t>ウラ</t>
    </rPh>
    <rPh sb="55" eb="56">
      <t>カナラ</t>
    </rPh>
    <rPh sb="57" eb="59">
      <t>シメイ</t>
    </rPh>
    <rPh sb="60" eb="63">
      <t>ギジュツシャ</t>
    </rPh>
    <rPh sb="63" eb="65">
      <t>バンゴウ</t>
    </rPh>
    <rPh sb="66" eb="68">
      <t>キニュウ</t>
    </rPh>
    <phoneticPr fontId="4"/>
  </si>
  <si>
    <t>責任技術者登録申請書　（様式第７号）</t>
    <rPh sb="0" eb="2">
      <t>セキニン</t>
    </rPh>
    <rPh sb="2" eb="5">
      <t>ギジュツシャ</t>
    </rPh>
    <rPh sb="5" eb="7">
      <t>トウロク</t>
    </rPh>
    <rPh sb="7" eb="10">
      <t>シンセイショ</t>
    </rPh>
    <rPh sb="12" eb="14">
      <t>ヨウシキ</t>
    </rPh>
    <rPh sb="14" eb="15">
      <t>ダイ</t>
    </rPh>
    <rPh sb="16" eb="17">
      <t>ゴウ</t>
    </rPh>
    <phoneticPr fontId="4"/>
  </si>
  <si>
    <t>※上下水道課確認</t>
    <rPh sb="1" eb="2">
      <t>ウエ</t>
    </rPh>
    <rPh sb="2" eb="4">
      <t>ゲスイ</t>
    </rPh>
    <rPh sb="4" eb="5">
      <t>ミチ</t>
    </rPh>
    <rPh sb="5" eb="6">
      <t>カ</t>
    </rPh>
    <rPh sb="6" eb="7">
      <t>アキラ</t>
    </rPh>
    <rPh sb="7" eb="8">
      <t>ニン</t>
    </rPh>
    <phoneticPr fontId="4"/>
  </si>
  <si>
    <t>申請者
確　認</t>
    <rPh sb="0" eb="3">
      <t>シンセイシャ</t>
    </rPh>
    <rPh sb="4" eb="5">
      <t>アキラ</t>
    </rPh>
    <rPh sb="6" eb="7">
      <t>ニン</t>
    </rPh>
    <phoneticPr fontId="4"/>
  </si>
  <si>
    <t>申　請　書　類</t>
    <rPh sb="0" eb="1">
      <t>サル</t>
    </rPh>
    <rPh sb="2" eb="3">
      <t>ショウ</t>
    </rPh>
    <rPh sb="4" eb="5">
      <t>ショ</t>
    </rPh>
    <rPh sb="6" eb="7">
      <t>タグイ</t>
    </rPh>
    <phoneticPr fontId="4"/>
  </si>
  <si>
    <t>※受  付  者</t>
    <rPh sb="1" eb="2">
      <t>ウケ</t>
    </rPh>
    <rPh sb="4" eb="5">
      <t>ヅケ</t>
    </rPh>
    <rPh sb="7" eb="8">
      <t>シャ</t>
    </rPh>
    <phoneticPr fontId="4"/>
  </si>
  <si>
    <t>令和  　年　  月　　 日</t>
    <rPh sb="0" eb="1">
      <t>レイ</t>
    </rPh>
    <rPh sb="1" eb="2">
      <t>ワ</t>
    </rPh>
    <rPh sb="5" eb="6">
      <t>ネン</t>
    </rPh>
    <rPh sb="9" eb="10">
      <t>ツキ</t>
    </rPh>
    <rPh sb="13" eb="14">
      <t>ヒ</t>
    </rPh>
    <phoneticPr fontId="4"/>
  </si>
  <si>
    <t>※受付年月日</t>
    <rPh sb="1" eb="3">
      <t>ウケツケ</t>
    </rPh>
    <rPh sb="3" eb="6">
      <t>ネンガッピ</t>
    </rPh>
    <phoneticPr fontId="4"/>
  </si>
  <si>
    <t>申請者住所</t>
    <rPh sb="0" eb="1">
      <t>サル</t>
    </rPh>
    <rPh sb="1" eb="2">
      <t>ショウ</t>
    </rPh>
    <rPh sb="2" eb="3">
      <t>モノ</t>
    </rPh>
    <rPh sb="3" eb="4">
      <t>ジュウ</t>
    </rPh>
    <rPh sb="4" eb="5">
      <t>トコロ</t>
    </rPh>
    <phoneticPr fontId="4"/>
  </si>
  <si>
    <t>登 録 番 号</t>
    <rPh sb="0" eb="1">
      <t>ノボル</t>
    </rPh>
    <rPh sb="2" eb="3">
      <t>ロク</t>
    </rPh>
    <rPh sb="4" eb="5">
      <t>バン</t>
    </rPh>
    <rPh sb="6" eb="7">
      <t>ゴウ</t>
    </rPh>
    <phoneticPr fontId="4"/>
  </si>
  <si>
    <t>ふりがな
申請者氏名</t>
    <rPh sb="5" eb="6">
      <t>サル</t>
    </rPh>
    <rPh sb="6" eb="7">
      <t>ショウ</t>
    </rPh>
    <rPh sb="7" eb="8">
      <t>モノ</t>
    </rPh>
    <rPh sb="8" eb="9">
      <t>シ</t>
    </rPh>
    <rPh sb="9" eb="10">
      <t>メイ</t>
    </rPh>
    <phoneticPr fontId="4"/>
  </si>
  <si>
    <t>○</t>
    <phoneticPr fontId="17" type="Hiragana"/>
  </si>
  <si>
    <t>責 任 技 術 者 登 録 申 請 書 類 確 認 票 （ 更 新 ）</t>
    <rPh sb="0" eb="1">
      <t>セキ</t>
    </rPh>
    <rPh sb="2" eb="3">
      <t>ニン</t>
    </rPh>
    <rPh sb="4" eb="5">
      <t>ワザ</t>
    </rPh>
    <rPh sb="6" eb="7">
      <t>ジュツ</t>
    </rPh>
    <rPh sb="8" eb="9">
      <t>モノ</t>
    </rPh>
    <rPh sb="10" eb="11">
      <t>ノボル</t>
    </rPh>
    <rPh sb="12" eb="13">
      <t>ロク</t>
    </rPh>
    <rPh sb="14" eb="15">
      <t>サル</t>
    </rPh>
    <rPh sb="16" eb="17">
      <t>ショウ</t>
    </rPh>
    <rPh sb="18" eb="19">
      <t>ショ</t>
    </rPh>
    <rPh sb="20" eb="21">
      <t>ルイ</t>
    </rPh>
    <rPh sb="22" eb="23">
      <t>アキラ</t>
    </rPh>
    <rPh sb="24" eb="25">
      <t>ニン</t>
    </rPh>
    <rPh sb="26" eb="27">
      <t>ヒョウ</t>
    </rPh>
    <rPh sb="30" eb="31">
      <t>サラ</t>
    </rPh>
    <rPh sb="32" eb="33">
      <t>シン</t>
    </rPh>
    <phoneticPr fontId="4"/>
  </si>
  <si>
    <r>
      <t xml:space="preserve">
※欄は記入しないこと。
</t>
    </r>
    <r>
      <rPr>
        <sz val="11"/>
        <color indexed="10"/>
        <rFont val="ＭＳ ゴシック"/>
        <family val="3"/>
        <charset val="128"/>
      </rPr>
      <t>申請時の注意事項</t>
    </r>
    <r>
      <rPr>
        <sz val="11"/>
        <rFont val="ＭＳ ゴシック"/>
        <family val="3"/>
        <charset val="128"/>
      </rPr>
      <t xml:space="preserve">
・登録手数料納付書は上下水道課(下水担当)で発行します。
・申請書電話番号欄には、自宅、携帯電話等、勤務先等必ず連絡がつく電話番号を複数記載して下さい。
・この確認票により申請書類に不備がないかどうか、よく確認のうえ、この確認票と共に申請書類を提出してください。
・提出書類はすべてＡ４サイズで提出してください。
</t>
    </r>
    <rPh sb="2" eb="3">
      <t>ラン</t>
    </rPh>
    <rPh sb="4" eb="6">
      <t>キニュウ</t>
    </rPh>
    <rPh sb="14" eb="16">
      <t>シンセイ</t>
    </rPh>
    <rPh sb="16" eb="17">
      <t>ジ</t>
    </rPh>
    <rPh sb="18" eb="20">
      <t>チュウイ</t>
    </rPh>
    <rPh sb="20" eb="22">
      <t>ジコウ</t>
    </rPh>
    <rPh sb="140" eb="142">
      <t>シンセイ</t>
    </rPh>
    <phoneticPr fontId="4"/>
  </si>
  <si>
    <t>登録手数料領収書の写し（手数料１０，０００円）</t>
    <rPh sb="0" eb="2">
      <t>トウロク</t>
    </rPh>
    <rPh sb="2" eb="5">
      <t>テスウリョウ</t>
    </rPh>
    <rPh sb="5" eb="8">
      <t>リョウシュウショ</t>
    </rPh>
    <rPh sb="9" eb="10">
      <t>ウツ</t>
    </rPh>
    <rPh sb="12" eb="15">
      <t>テスウリョウ</t>
    </rPh>
    <rPh sb="21" eb="22">
      <t>エン</t>
    </rPh>
    <phoneticPr fontId="4"/>
  </si>
  <si>
    <r>
      <t xml:space="preserve">写真２枚(最近3ヶ月以内に撮影した上半身のもの、縦3cm×横2.5cm)
</t>
    </r>
    <r>
      <rPr>
        <sz val="8"/>
        <rFont val="ＭＳ ゴシック"/>
        <family val="3"/>
        <charset val="128"/>
      </rPr>
      <t>*1枚は申請書に貼付　1枚の裏には必ず氏名、生年月日を記入すること</t>
    </r>
    <rPh sb="0" eb="2">
      <t>シャシン</t>
    </rPh>
    <rPh sb="3" eb="4">
      <t>マイ</t>
    </rPh>
    <rPh sb="5" eb="7">
      <t>サイキン</t>
    </rPh>
    <rPh sb="9" eb="10">
      <t>ゲツ</t>
    </rPh>
    <rPh sb="10" eb="12">
      <t>イナイ</t>
    </rPh>
    <rPh sb="13" eb="15">
      <t>サツエイ</t>
    </rPh>
    <rPh sb="17" eb="20">
      <t>ジョウハンシン</t>
    </rPh>
    <rPh sb="24" eb="25">
      <t>タテ</t>
    </rPh>
    <rPh sb="29" eb="30">
      <t>ヨコ</t>
    </rPh>
    <rPh sb="40" eb="41">
      <t>マイ</t>
    </rPh>
    <rPh sb="42" eb="45">
      <t>シンセイショ</t>
    </rPh>
    <rPh sb="46" eb="48">
      <t>チョウフ</t>
    </rPh>
    <rPh sb="50" eb="51">
      <t>マイ</t>
    </rPh>
    <rPh sb="52" eb="53">
      <t>ウラ</t>
    </rPh>
    <rPh sb="55" eb="56">
      <t>カナラ</t>
    </rPh>
    <rPh sb="57" eb="59">
      <t>シメイ</t>
    </rPh>
    <rPh sb="60" eb="62">
      <t>セイネン</t>
    </rPh>
    <rPh sb="62" eb="64">
      <t>ガッピ</t>
    </rPh>
    <rPh sb="65" eb="67">
      <t>キニュウ</t>
    </rPh>
    <phoneticPr fontId="4"/>
  </si>
  <si>
    <t>※登 録 番 号</t>
    <rPh sb="1" eb="2">
      <t>ノボル</t>
    </rPh>
    <rPh sb="3" eb="4">
      <t>ロク</t>
    </rPh>
    <rPh sb="5" eb="6">
      <t>バン</t>
    </rPh>
    <rPh sb="7" eb="8">
      <t>ゴウ</t>
    </rPh>
    <phoneticPr fontId="4"/>
  </si>
  <si>
    <t>責 任 技 術 者 登 録 申 請 書 類 確 認 票 （ 新 規 ）</t>
    <phoneticPr fontId="4"/>
  </si>
  <si>
    <t>住民票、在留カード又は特別永住者証明書の写し　　　　　</t>
    <rPh sb="0" eb="3">
      <t>ジュウミンヒョウ</t>
    </rPh>
    <rPh sb="4" eb="6">
      <t>ザイリュウ</t>
    </rPh>
    <rPh sb="9" eb="10">
      <t>マタ</t>
    </rPh>
    <rPh sb="11" eb="13">
      <t>トクベツ</t>
    </rPh>
    <rPh sb="13" eb="16">
      <t>エイジュウシャ</t>
    </rPh>
    <rPh sb="16" eb="19">
      <t>ショウメイショ</t>
    </rPh>
    <rPh sb="20" eb="21">
      <t>ウツ</t>
    </rPh>
    <phoneticPr fontId="4"/>
  </si>
  <si>
    <t>住民票、在留カード又は特別永住者証明書の写し　　　　</t>
    <rPh sb="0" eb="3">
      <t>ジュウミンヒョウ</t>
    </rPh>
    <rPh sb="4" eb="6">
      <t>ザイリュウ</t>
    </rPh>
    <rPh sb="9" eb="10">
      <t>マタ</t>
    </rPh>
    <rPh sb="11" eb="13">
      <t>トクベツ</t>
    </rPh>
    <rPh sb="13" eb="16">
      <t>エイジュウシャ</t>
    </rPh>
    <rPh sb="16" eb="19">
      <t>ショウメイショ</t>
    </rPh>
    <rPh sb="20" eb="21">
      <t>ウツ</t>
    </rPh>
    <phoneticPr fontId="4"/>
  </si>
  <si>
    <t>　加西市下水道排水設備指定工事店規則第15条第3項の規定に基づき関係書類を添えて</t>
    <rPh sb="1" eb="4">
      <t>カサイシ</t>
    </rPh>
    <rPh sb="4" eb="7">
      <t>ゲスイドウ</t>
    </rPh>
    <rPh sb="7" eb="9">
      <t>ハイスイ</t>
    </rPh>
    <rPh sb="9" eb="11">
      <t>セツビ</t>
    </rPh>
    <rPh sb="11" eb="13">
      <t>シテイ</t>
    </rPh>
    <rPh sb="13" eb="15">
      <t>コウジ</t>
    </rPh>
    <rPh sb="15" eb="16">
      <t>テン</t>
    </rPh>
    <rPh sb="16" eb="18">
      <t>キソク</t>
    </rPh>
    <rPh sb="18" eb="19">
      <t>ダイ</t>
    </rPh>
    <rPh sb="21" eb="22">
      <t>ジョウ</t>
    </rPh>
    <rPh sb="22" eb="23">
      <t>ダイ</t>
    </rPh>
    <rPh sb="24" eb="25">
      <t>コウ</t>
    </rPh>
    <rPh sb="26" eb="28">
      <t>キテイ</t>
    </rPh>
    <rPh sb="29" eb="30">
      <t>モト</t>
    </rPh>
    <rPh sb="32" eb="34">
      <t>カンケイ</t>
    </rPh>
    <rPh sb="34" eb="36">
      <t>ショルイ</t>
    </rPh>
    <rPh sb="37" eb="38">
      <t>ソ</t>
    </rPh>
    <phoneticPr fontId="4"/>
  </si>
  <si>
    <t>異動を届け出ます。</t>
    <rPh sb="1" eb="2">
      <t>ドウ</t>
    </rPh>
    <rPh sb="3" eb="4">
      <t>トド</t>
    </rPh>
    <rPh sb="5" eb="6">
      <t>デ</t>
    </rPh>
    <phoneticPr fontId="4"/>
  </si>
  <si>
    <r>
      <t xml:space="preserve">新勤務先
</t>
    </r>
    <r>
      <rPr>
        <sz val="8"/>
        <rFont val="ＭＳ 明朝"/>
        <family val="1"/>
        <charset val="128"/>
      </rPr>
      <t>（指定工事店）</t>
    </r>
    <rPh sb="0" eb="1">
      <t>シン</t>
    </rPh>
    <rPh sb="1" eb="4">
      <t>キンムサキ</t>
    </rPh>
    <rPh sb="6" eb="8">
      <t>シテイ</t>
    </rPh>
    <rPh sb="8" eb="10">
      <t>コウジ</t>
    </rPh>
    <rPh sb="10" eb="11">
      <t>テン</t>
    </rPh>
    <phoneticPr fontId="4"/>
  </si>
  <si>
    <r>
      <t xml:space="preserve">旧勤務先
</t>
    </r>
    <r>
      <rPr>
        <sz val="8"/>
        <rFont val="ＭＳ 明朝"/>
        <family val="1"/>
        <charset val="128"/>
      </rPr>
      <t>（指定工事店）</t>
    </r>
    <rPh sb="0" eb="1">
      <t>キュウ</t>
    </rPh>
    <rPh sb="1" eb="4">
      <t>キンムサキ</t>
    </rPh>
    <rPh sb="6" eb="8">
      <t>シテイ</t>
    </rPh>
    <rPh sb="8" eb="10">
      <t>コウジ</t>
    </rPh>
    <rPh sb="10" eb="11">
      <t>テン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3" x14ac:knownFonts="1">
    <font>
      <sz val="11"/>
      <color theme="1"/>
      <name val="游ゴシック"/>
      <family val="2"/>
      <charset val="128"/>
      <scheme val="minor"/>
    </font>
    <font>
      <sz val="11"/>
      <name val="ＭＳ Ｐゴシック"/>
      <family val="3"/>
      <charset val="128"/>
    </font>
    <font>
      <sz val="11"/>
      <name val="ＭＳ 明朝"/>
      <family val="1"/>
      <charset val="128"/>
    </font>
    <font>
      <sz val="6"/>
      <name val="游ゴシック"/>
      <family val="2"/>
      <charset val="128"/>
      <scheme val="minor"/>
    </font>
    <font>
      <sz val="6"/>
      <name val="ＭＳ Ｐゴシック"/>
      <family val="3"/>
      <charset val="128"/>
    </font>
    <font>
      <sz val="8"/>
      <name val="ＭＳ 明朝"/>
      <family val="1"/>
      <charset val="128"/>
    </font>
    <font>
      <sz val="9"/>
      <name val="ＭＳ 明朝"/>
      <family val="1"/>
      <charset val="128"/>
    </font>
    <font>
      <sz val="14"/>
      <name val="ＭＳ 明朝"/>
      <family val="1"/>
      <charset val="128"/>
    </font>
    <font>
      <sz val="11"/>
      <name val="ＭＳ Ｐ明朝"/>
      <family val="1"/>
      <charset val="128"/>
    </font>
    <font>
      <sz val="12"/>
      <name val="ＭＳ Ｐ明朝"/>
      <family val="1"/>
      <charset val="128"/>
    </font>
    <font>
      <sz val="9"/>
      <name val="ＭＳ Ｐ明朝"/>
      <family val="1"/>
      <charset val="128"/>
    </font>
    <font>
      <sz val="12"/>
      <name val="ＭＳ Ｐゴシック"/>
      <family val="3"/>
      <charset val="128"/>
    </font>
    <font>
      <sz val="16"/>
      <name val="ＭＳ Ｐ明朝"/>
      <family val="1"/>
      <charset val="128"/>
    </font>
    <font>
      <sz val="10"/>
      <name val="ＭＳ Ｐ明朝"/>
      <family val="1"/>
      <charset val="128"/>
    </font>
    <font>
      <sz val="10.5"/>
      <name val="ＭＳ 明朝"/>
      <family val="1"/>
      <charset val="128"/>
    </font>
    <font>
      <sz val="12"/>
      <name val="ＭＳ 明朝"/>
      <family val="1"/>
      <charset val="128"/>
    </font>
    <font>
      <sz val="10"/>
      <name val="ＭＳ 明朝"/>
      <family val="1"/>
      <charset val="128"/>
    </font>
    <font>
      <sz val="10"/>
      <name val="ＭＳ ゴシック"/>
      <family val="3"/>
      <charset val="128"/>
    </font>
    <font>
      <sz val="11"/>
      <name val="ＭＳ ゴシック"/>
      <family val="3"/>
      <charset val="128"/>
    </font>
    <font>
      <sz val="11"/>
      <color indexed="10"/>
      <name val="ＭＳ ゴシック"/>
      <family val="3"/>
      <charset val="128"/>
    </font>
    <font>
      <b/>
      <sz val="14"/>
      <name val="ＭＳ ゴシック"/>
      <family val="3"/>
      <charset val="128"/>
    </font>
    <font>
      <sz val="8"/>
      <name val="ＭＳ ゴシック"/>
      <family val="3"/>
      <charset val="128"/>
    </font>
    <font>
      <sz val="12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52">
    <border>
      <left/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dotted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dotted">
        <color indexed="64"/>
      </top>
      <bottom style="dotted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</borders>
  <cellStyleXfs count="2">
    <xf numFmtId="0" fontId="0" fillId="0" borderId="0">
      <alignment vertical="center"/>
    </xf>
    <xf numFmtId="0" fontId="1" fillId="0" borderId="0"/>
  </cellStyleXfs>
  <cellXfs count="160">
    <xf numFmtId="0" fontId="0" fillId="0" borderId="0" xfId="0">
      <alignment vertical="center"/>
    </xf>
    <xf numFmtId="0" fontId="2" fillId="0" borderId="0" xfId="1" applyFont="1"/>
    <xf numFmtId="0" fontId="2" fillId="0" borderId="0" xfId="1" applyFont="1" applyAlignment="1">
      <alignment vertical="center"/>
    </xf>
    <xf numFmtId="0" fontId="7" fillId="0" borderId="0" xfId="1" applyFont="1" applyAlignment="1">
      <alignment horizontal="center" vertical="center"/>
    </xf>
    <xf numFmtId="0" fontId="5" fillId="0" borderId="0" xfId="1" applyFont="1" applyAlignment="1">
      <alignment vertical="top"/>
    </xf>
    <xf numFmtId="0" fontId="1" fillId="0" borderId="0" xfId="1"/>
    <xf numFmtId="0" fontId="8" fillId="0" borderId="0" xfId="1" applyFont="1"/>
    <xf numFmtId="0" fontId="9" fillId="0" borderId="0" xfId="1" applyFont="1"/>
    <xf numFmtId="0" fontId="10" fillId="0" borderId="0" xfId="1" applyFont="1" applyAlignment="1">
      <alignment horizontal="right"/>
    </xf>
    <xf numFmtId="0" fontId="11" fillId="0" borderId="0" xfId="1" applyFont="1"/>
    <xf numFmtId="0" fontId="13" fillId="0" borderId="0" xfId="1" applyFont="1" applyAlignment="1">
      <alignment vertical="center"/>
    </xf>
    <xf numFmtId="0" fontId="14" fillId="0" borderId="0" xfId="1" applyFont="1"/>
    <xf numFmtId="0" fontId="14" fillId="0" borderId="0" xfId="1" applyFont="1" applyAlignment="1">
      <alignment vertical="center"/>
    </xf>
    <xf numFmtId="0" fontId="14" fillId="0" borderId="0" xfId="1" applyFont="1" applyAlignment="1">
      <alignment vertical="top"/>
    </xf>
    <xf numFmtId="0" fontId="14" fillId="0" borderId="12" xfId="1" applyFont="1" applyBorder="1" applyAlignment="1" applyProtection="1">
      <alignment vertical="center"/>
      <protection locked="0"/>
    </xf>
    <xf numFmtId="0" fontId="14" fillId="0" borderId="13" xfId="1" applyFont="1" applyBorder="1" applyAlignment="1" applyProtection="1">
      <alignment vertical="center"/>
      <protection locked="0"/>
    </xf>
    <xf numFmtId="0" fontId="14" fillId="0" borderId="13" xfId="1" applyFont="1" applyBorder="1" applyAlignment="1" applyProtection="1">
      <alignment vertical="top"/>
      <protection locked="0"/>
    </xf>
    <xf numFmtId="0" fontId="14" fillId="0" borderId="16" xfId="1" applyFont="1" applyBorder="1" applyAlignment="1" applyProtection="1">
      <alignment vertical="center"/>
      <protection locked="0"/>
    </xf>
    <xf numFmtId="0" fontId="14" fillId="0" borderId="0" xfId="1" applyFont="1" applyAlignment="1" applyProtection="1">
      <alignment vertical="center"/>
      <protection locked="0"/>
    </xf>
    <xf numFmtId="0" fontId="14" fillId="0" borderId="0" xfId="1" applyFont="1" applyAlignment="1" applyProtection="1">
      <alignment vertical="top"/>
      <protection locked="0"/>
    </xf>
    <xf numFmtId="0" fontId="14" fillId="0" borderId="6" xfId="1" applyFont="1" applyBorder="1" applyAlignment="1" applyProtection="1">
      <alignment vertical="top"/>
      <protection locked="0"/>
    </xf>
    <xf numFmtId="0" fontId="14" fillId="0" borderId="7" xfId="1" applyFont="1" applyBorder="1" applyAlignment="1">
      <alignment horizontal="center" vertical="center"/>
    </xf>
    <xf numFmtId="0" fontId="14" fillId="0" borderId="18" xfId="1" applyFont="1" applyBorder="1" applyAlignment="1" applyProtection="1">
      <alignment vertical="center"/>
      <protection locked="0"/>
    </xf>
    <xf numFmtId="0" fontId="14" fillId="0" borderId="9" xfId="1" applyFont="1" applyBorder="1" applyAlignment="1" applyProtection="1">
      <alignment vertical="center"/>
      <protection locked="0"/>
    </xf>
    <xf numFmtId="0" fontId="14" fillId="0" borderId="9" xfId="1" applyFont="1" applyBorder="1" applyProtection="1">
      <protection locked="0"/>
    </xf>
    <xf numFmtId="0" fontId="14" fillId="0" borderId="11" xfId="1" applyFont="1" applyBorder="1" applyAlignment="1">
      <alignment horizontal="center" vertical="center"/>
    </xf>
    <xf numFmtId="0" fontId="14" fillId="0" borderId="19" xfId="1" applyFont="1" applyBorder="1" applyAlignment="1" applyProtection="1">
      <alignment vertical="center"/>
      <protection locked="0"/>
    </xf>
    <xf numFmtId="0" fontId="14" fillId="0" borderId="2" xfId="1" applyFont="1" applyBorder="1" applyAlignment="1" applyProtection="1">
      <alignment vertical="center"/>
      <protection locked="0"/>
    </xf>
    <xf numFmtId="0" fontId="14" fillId="0" borderId="3" xfId="1" applyFont="1" applyBorder="1" applyAlignment="1" applyProtection="1">
      <alignment vertical="center"/>
      <protection locked="0"/>
    </xf>
    <xf numFmtId="0" fontId="14" fillId="0" borderId="4" xfId="1" applyFont="1" applyBorder="1" applyAlignment="1">
      <alignment horizontal="center" vertical="center"/>
    </xf>
    <xf numFmtId="0" fontId="14" fillId="0" borderId="10" xfId="1" applyFont="1" applyBorder="1" applyAlignment="1" applyProtection="1">
      <alignment vertical="center"/>
      <protection locked="0"/>
    </xf>
    <xf numFmtId="0" fontId="14" fillId="0" borderId="20" xfId="1" applyFont="1" applyBorder="1" applyAlignment="1" applyProtection="1">
      <alignment vertical="center"/>
      <protection locked="0"/>
    </xf>
    <xf numFmtId="0" fontId="14" fillId="0" borderId="21" xfId="1" applyFont="1" applyBorder="1" applyAlignment="1" applyProtection="1">
      <alignment vertical="center"/>
      <protection locked="0"/>
    </xf>
    <xf numFmtId="0" fontId="14" fillId="0" borderId="22" xfId="1" applyFont="1" applyBorder="1" applyAlignment="1">
      <alignment horizontal="center" vertical="center"/>
    </xf>
    <xf numFmtId="0" fontId="14" fillId="0" borderId="24" xfId="1" applyFont="1" applyBorder="1" applyAlignment="1" applyProtection="1">
      <alignment vertical="center"/>
      <protection locked="0"/>
    </xf>
    <xf numFmtId="0" fontId="14" fillId="0" borderId="25" xfId="1" applyFont="1" applyBorder="1" applyAlignment="1" applyProtection="1">
      <alignment vertical="center"/>
      <protection locked="0"/>
    </xf>
    <xf numFmtId="0" fontId="14" fillId="0" borderId="26" xfId="1" applyFont="1" applyBorder="1" applyAlignment="1">
      <alignment horizontal="center" vertical="center"/>
    </xf>
    <xf numFmtId="0" fontId="14" fillId="0" borderId="2" xfId="1" quotePrefix="1" applyFont="1" applyBorder="1" applyAlignment="1" applyProtection="1">
      <alignment vertical="center"/>
      <protection locked="0"/>
    </xf>
    <xf numFmtId="0" fontId="14" fillId="0" borderId="9" xfId="1" quotePrefix="1" applyFont="1" applyBorder="1" applyAlignment="1" applyProtection="1">
      <alignment vertical="center"/>
      <protection locked="0"/>
    </xf>
    <xf numFmtId="0" fontId="14" fillId="0" borderId="19" xfId="1" applyFont="1" applyBorder="1" applyAlignment="1">
      <alignment vertical="center"/>
    </xf>
    <xf numFmtId="0" fontId="6" fillId="0" borderId="27" xfId="1" applyFont="1" applyBorder="1" applyAlignment="1">
      <alignment vertical="center"/>
    </xf>
    <xf numFmtId="0" fontId="14" fillId="0" borderId="27" xfId="1" applyFont="1" applyBorder="1" applyAlignment="1" applyProtection="1">
      <alignment vertical="center"/>
      <protection locked="0"/>
    </xf>
    <xf numFmtId="0" fontId="14" fillId="0" borderId="2" xfId="1" applyFont="1" applyBorder="1" applyAlignment="1">
      <alignment vertical="center"/>
    </xf>
    <xf numFmtId="0" fontId="14" fillId="0" borderId="28" xfId="1" applyFont="1" applyBorder="1" applyAlignment="1">
      <alignment vertical="center"/>
    </xf>
    <xf numFmtId="0" fontId="14" fillId="0" borderId="29" xfId="1" applyFont="1" applyBorder="1" applyAlignment="1">
      <alignment vertical="center"/>
    </xf>
    <xf numFmtId="0" fontId="14" fillId="0" borderId="29" xfId="1" applyFont="1" applyBorder="1" applyAlignment="1" applyProtection="1">
      <alignment vertical="center"/>
      <protection locked="0"/>
    </xf>
    <xf numFmtId="0" fontId="14" fillId="0" borderId="30" xfId="1" applyFont="1" applyBorder="1" applyAlignment="1">
      <alignment horizontal="center" vertical="center"/>
    </xf>
    <xf numFmtId="0" fontId="14" fillId="0" borderId="0" xfId="1" applyFont="1" applyAlignment="1" applyProtection="1">
      <alignment horizontal="right" vertical="center"/>
      <protection locked="0"/>
    </xf>
    <xf numFmtId="0" fontId="14" fillId="0" borderId="0" xfId="1" applyFont="1" applyAlignment="1">
      <alignment horizontal="center" vertical="center"/>
    </xf>
    <xf numFmtId="0" fontId="15" fillId="0" borderId="0" xfId="1" applyFont="1" applyAlignment="1">
      <alignment vertical="center"/>
    </xf>
    <xf numFmtId="0" fontId="16" fillId="0" borderId="0" xfId="1" applyFont="1" applyAlignment="1">
      <alignment vertical="center"/>
    </xf>
    <xf numFmtId="0" fontId="14" fillId="0" borderId="0" xfId="1" applyFont="1" applyAlignment="1">
      <alignment horizontal="left" vertical="center"/>
    </xf>
    <xf numFmtId="0" fontId="14" fillId="0" borderId="31" xfId="1" applyFont="1" applyBorder="1" applyAlignment="1" applyProtection="1">
      <alignment vertical="center"/>
      <protection locked="0"/>
    </xf>
    <xf numFmtId="0" fontId="14" fillId="0" borderId="32" xfId="1" applyFont="1" applyBorder="1" applyAlignment="1" applyProtection="1">
      <alignment vertical="center"/>
      <protection locked="0"/>
    </xf>
    <xf numFmtId="0" fontId="14" fillId="0" borderId="33" xfId="1" applyFont="1" applyBorder="1" applyAlignment="1" applyProtection="1">
      <alignment vertical="center"/>
      <protection locked="0"/>
    </xf>
    <xf numFmtId="0" fontId="14" fillId="0" borderId="1" xfId="1" applyFont="1" applyBorder="1" applyAlignment="1" applyProtection="1">
      <alignment vertical="center"/>
      <protection locked="0"/>
    </xf>
    <xf numFmtId="0" fontId="14" fillId="0" borderId="5" xfId="1" applyFont="1" applyBorder="1" applyAlignment="1" applyProtection="1">
      <alignment vertical="center"/>
      <protection locked="0"/>
    </xf>
    <xf numFmtId="0" fontId="14" fillId="0" borderId="6" xfId="1" applyFont="1" applyBorder="1" applyAlignment="1" applyProtection="1">
      <alignment vertical="center"/>
      <protection locked="0"/>
    </xf>
    <xf numFmtId="0" fontId="14" fillId="0" borderId="8" xfId="1" applyFont="1" applyBorder="1" applyAlignment="1" applyProtection="1">
      <alignment vertical="center"/>
      <protection locked="0"/>
    </xf>
    <xf numFmtId="0" fontId="14" fillId="0" borderId="1" xfId="1" applyFont="1" applyBorder="1" applyAlignment="1">
      <alignment vertical="center"/>
    </xf>
    <xf numFmtId="0" fontId="14" fillId="0" borderId="3" xfId="1" applyFont="1" applyBorder="1" applyAlignment="1">
      <alignment vertical="center"/>
    </xf>
    <xf numFmtId="0" fontId="14" fillId="0" borderId="5" xfId="1" applyFont="1" applyBorder="1" applyAlignment="1">
      <alignment vertical="center"/>
    </xf>
    <xf numFmtId="0" fontId="14" fillId="0" borderId="34" xfId="1" applyFont="1" applyBorder="1" applyAlignment="1" applyProtection="1">
      <alignment vertical="center"/>
      <protection locked="0"/>
    </xf>
    <xf numFmtId="0" fontId="14" fillId="0" borderId="6" xfId="1" applyFont="1" applyBorder="1" applyAlignment="1">
      <alignment vertical="center"/>
    </xf>
    <xf numFmtId="0" fontId="14" fillId="0" borderId="8" xfId="1" applyFont="1" applyBorder="1" applyAlignment="1">
      <alignment vertical="center"/>
    </xf>
    <xf numFmtId="0" fontId="14" fillId="0" borderId="10" xfId="1" applyFont="1" applyBorder="1" applyAlignment="1">
      <alignment vertical="center"/>
    </xf>
    <xf numFmtId="0" fontId="17" fillId="0" borderId="0" xfId="1" applyFont="1"/>
    <xf numFmtId="0" fontId="17" fillId="0" borderId="35" xfId="1" applyFont="1" applyBorder="1" applyAlignment="1">
      <alignment vertical="center"/>
    </xf>
    <xf numFmtId="0" fontId="20" fillId="0" borderId="14" xfId="1" applyFont="1" applyBorder="1" applyAlignment="1" applyProtection="1">
      <alignment horizontal="center" vertical="center"/>
      <protection locked="0"/>
    </xf>
    <xf numFmtId="0" fontId="17" fillId="0" borderId="38" xfId="1" applyFont="1" applyBorder="1" applyAlignment="1">
      <alignment vertical="center"/>
    </xf>
    <xf numFmtId="0" fontId="20" fillId="0" borderId="39" xfId="1" applyFont="1" applyBorder="1" applyAlignment="1" applyProtection="1">
      <alignment horizontal="center" vertical="center"/>
      <protection locked="0"/>
    </xf>
    <xf numFmtId="0" fontId="17" fillId="0" borderId="41" xfId="1" applyFont="1" applyBorder="1" applyAlignment="1">
      <alignment vertical="center"/>
    </xf>
    <xf numFmtId="0" fontId="17" fillId="0" borderId="42" xfId="1" applyFont="1" applyBorder="1" applyAlignment="1">
      <alignment horizontal="center" vertical="center" wrapText="1"/>
    </xf>
    <xf numFmtId="0" fontId="17" fillId="0" borderId="22" xfId="1" applyFont="1" applyBorder="1" applyAlignment="1">
      <alignment horizontal="center" vertical="center" wrapText="1"/>
    </xf>
    <xf numFmtId="0" fontId="17" fillId="0" borderId="0" xfId="1" applyFont="1" applyAlignment="1">
      <alignment vertical="center"/>
    </xf>
    <xf numFmtId="0" fontId="17" fillId="0" borderId="46" xfId="1" applyFont="1" applyBorder="1" applyAlignment="1">
      <alignment horizontal="center" vertical="center"/>
    </xf>
    <xf numFmtId="0" fontId="17" fillId="0" borderId="48" xfId="1" applyFont="1" applyBorder="1" applyAlignment="1">
      <alignment horizontal="center" vertical="center"/>
    </xf>
    <xf numFmtId="0" fontId="20" fillId="0" borderId="0" xfId="1" applyFont="1" applyAlignment="1">
      <alignment horizontal="center" vertical="center"/>
    </xf>
    <xf numFmtId="0" fontId="20" fillId="0" borderId="26" xfId="1" applyFont="1" applyBorder="1" applyAlignment="1" applyProtection="1">
      <alignment horizontal="center" vertical="center"/>
      <protection locked="0"/>
    </xf>
    <xf numFmtId="0" fontId="17" fillId="0" borderId="37" xfId="1" applyFont="1" applyBorder="1" applyAlignment="1">
      <alignment horizontal="left" vertical="center"/>
    </xf>
    <xf numFmtId="0" fontId="17" fillId="0" borderId="25" xfId="1" applyFont="1" applyBorder="1" applyAlignment="1">
      <alignment horizontal="left" vertical="center"/>
    </xf>
    <xf numFmtId="0" fontId="17" fillId="0" borderId="36" xfId="1" applyFont="1" applyBorder="1" applyAlignment="1">
      <alignment horizontal="left" vertical="center"/>
    </xf>
    <xf numFmtId="0" fontId="18" fillId="0" borderId="29" xfId="1" applyFont="1" applyBorder="1" applyAlignment="1">
      <alignment vertical="top" wrapText="1"/>
    </xf>
    <xf numFmtId="0" fontId="18" fillId="0" borderId="0" xfId="1" applyFont="1" applyAlignment="1">
      <alignment vertical="top" wrapText="1"/>
    </xf>
    <xf numFmtId="0" fontId="17" fillId="0" borderId="40" xfId="1" applyFont="1" applyBorder="1" applyAlignment="1">
      <alignment horizontal="left" vertical="center"/>
    </xf>
    <xf numFmtId="0" fontId="17" fillId="0" borderId="32" xfId="1" applyFont="1" applyBorder="1" applyAlignment="1">
      <alignment horizontal="left" vertical="center"/>
    </xf>
    <xf numFmtId="0" fontId="17" fillId="0" borderId="31" xfId="1" applyFont="1" applyBorder="1" applyAlignment="1">
      <alignment horizontal="left" vertical="center"/>
    </xf>
    <xf numFmtId="0" fontId="17" fillId="0" borderId="40" xfId="1" applyFont="1" applyBorder="1" applyAlignment="1">
      <alignment horizontal="left" vertical="center" wrapText="1"/>
    </xf>
    <xf numFmtId="0" fontId="17" fillId="0" borderId="33" xfId="1" applyFont="1" applyBorder="1" applyAlignment="1" applyProtection="1">
      <alignment horizontal="center" vertical="center"/>
      <protection locked="0"/>
    </xf>
    <xf numFmtId="0" fontId="17" fillId="0" borderId="32" xfId="1" applyFont="1" applyBorder="1" applyAlignment="1" applyProtection="1">
      <alignment horizontal="center" vertical="center"/>
      <protection locked="0"/>
    </xf>
    <xf numFmtId="0" fontId="17" fillId="0" borderId="47" xfId="1" applyFont="1" applyBorder="1" applyAlignment="1" applyProtection="1">
      <alignment horizontal="center" vertical="center"/>
      <protection locked="0"/>
    </xf>
    <xf numFmtId="0" fontId="17" fillId="0" borderId="45" xfId="1" applyFont="1" applyBorder="1" applyAlignment="1">
      <alignment horizontal="center" vertical="center"/>
    </xf>
    <xf numFmtId="0" fontId="17" fillId="0" borderId="36" xfId="1" applyFont="1" applyBorder="1" applyAlignment="1">
      <alignment horizontal="center" vertical="center"/>
    </xf>
    <xf numFmtId="0" fontId="17" fillId="0" borderId="25" xfId="1" applyFont="1" applyBorder="1" applyAlignment="1">
      <alignment horizontal="center" vertical="center"/>
    </xf>
    <xf numFmtId="0" fontId="17" fillId="0" borderId="24" xfId="1" applyFont="1" applyBorder="1" applyAlignment="1">
      <alignment horizontal="center" vertical="center"/>
    </xf>
    <xf numFmtId="0" fontId="17" fillId="0" borderId="44" xfId="1" applyFont="1" applyBorder="1" applyAlignment="1">
      <alignment horizontal="center" vertical="center"/>
    </xf>
    <xf numFmtId="0" fontId="17" fillId="0" borderId="21" xfId="1" applyFont="1" applyBorder="1" applyAlignment="1">
      <alignment horizontal="center" vertical="center"/>
    </xf>
    <xf numFmtId="0" fontId="17" fillId="0" borderId="43" xfId="1" applyFont="1" applyBorder="1" applyAlignment="1">
      <alignment horizontal="center" vertical="center"/>
    </xf>
    <xf numFmtId="0" fontId="22" fillId="0" borderId="0" xfId="1" applyFont="1" applyAlignment="1">
      <alignment horizontal="center" vertical="center"/>
    </xf>
    <xf numFmtId="0" fontId="17" fillId="0" borderId="23" xfId="1" applyFont="1" applyBorder="1" applyAlignment="1">
      <alignment horizontal="center" vertical="center" wrapText="1"/>
    </xf>
    <xf numFmtId="0" fontId="17" fillId="0" borderId="49" xfId="1" applyFont="1" applyBorder="1" applyAlignment="1">
      <alignment horizontal="center" vertical="center" wrapText="1"/>
    </xf>
    <xf numFmtId="0" fontId="22" fillId="0" borderId="51" xfId="1" applyFont="1" applyBorder="1" applyAlignment="1" applyProtection="1">
      <alignment horizontal="left" vertical="center" wrapText="1" indent="1"/>
      <protection locked="0"/>
    </xf>
    <xf numFmtId="0" fontId="22" fillId="0" borderId="29" xfId="1" applyFont="1" applyBorder="1" applyAlignment="1" applyProtection="1">
      <alignment horizontal="left" vertical="center" wrapText="1" indent="1"/>
      <protection locked="0"/>
    </xf>
    <xf numFmtId="0" fontId="22" fillId="0" borderId="50" xfId="1" applyFont="1" applyBorder="1" applyAlignment="1" applyProtection="1">
      <alignment horizontal="left" vertical="center" wrapText="1" indent="1"/>
      <protection locked="0"/>
    </xf>
    <xf numFmtId="0" fontId="17" fillId="0" borderId="51" xfId="1" applyFont="1" applyBorder="1" applyAlignment="1">
      <alignment horizontal="center" vertical="center"/>
    </xf>
    <xf numFmtId="0" fontId="17" fillId="0" borderId="50" xfId="1" applyFont="1" applyBorder="1" applyAlignment="1">
      <alignment horizontal="center" vertical="center"/>
    </xf>
    <xf numFmtId="0" fontId="17" fillId="0" borderId="3" xfId="1" applyFont="1" applyBorder="1" applyAlignment="1">
      <alignment horizontal="center" vertical="center"/>
    </xf>
    <xf numFmtId="0" fontId="17" fillId="0" borderId="1" xfId="1" applyFont="1" applyBorder="1" applyAlignment="1">
      <alignment horizontal="center" vertical="center"/>
    </xf>
    <xf numFmtId="0" fontId="17" fillId="0" borderId="29" xfId="1" applyFont="1" applyBorder="1" applyAlignment="1">
      <alignment horizontal="center" vertical="center"/>
    </xf>
    <xf numFmtId="0" fontId="17" fillId="0" borderId="28" xfId="1" applyFont="1" applyBorder="1" applyAlignment="1">
      <alignment horizontal="center" vertical="center"/>
    </xf>
    <xf numFmtId="0" fontId="17" fillId="0" borderId="2" xfId="1" applyFont="1" applyBorder="1" applyAlignment="1">
      <alignment horizontal="center" vertical="center"/>
    </xf>
    <xf numFmtId="0" fontId="17" fillId="0" borderId="19" xfId="1" applyFont="1" applyBorder="1" applyAlignment="1">
      <alignment horizontal="center" vertical="center"/>
    </xf>
    <xf numFmtId="0" fontId="22" fillId="0" borderId="3" xfId="1" applyFont="1" applyBorder="1" applyAlignment="1" applyProtection="1">
      <alignment horizontal="left" vertical="center" wrapText="1" indent="1"/>
      <protection locked="0"/>
    </xf>
    <xf numFmtId="0" fontId="22" fillId="0" borderId="2" xfId="1" applyFont="1" applyBorder="1" applyAlignment="1" applyProtection="1">
      <alignment horizontal="left" vertical="center" wrapText="1" indent="1"/>
      <protection locked="0"/>
    </xf>
    <xf numFmtId="0" fontId="22" fillId="0" borderId="1" xfId="1" applyFont="1" applyBorder="1" applyAlignment="1" applyProtection="1">
      <alignment horizontal="left" vertical="center" wrapText="1" indent="1"/>
      <protection locked="0"/>
    </xf>
    <xf numFmtId="0" fontId="12" fillId="0" borderId="0" xfId="1" applyFont="1" applyAlignment="1">
      <alignment horizontal="distributed"/>
    </xf>
    <xf numFmtId="0" fontId="14" fillId="0" borderId="0" xfId="1" applyFont="1" applyAlignment="1">
      <alignment horizontal="left" vertical="center"/>
    </xf>
    <xf numFmtId="0" fontId="7" fillId="0" borderId="0" xfId="1" applyFont="1" applyAlignment="1">
      <alignment horizontal="center" vertical="center"/>
    </xf>
    <xf numFmtId="0" fontId="5" fillId="0" borderId="10" xfId="1" applyFont="1" applyBorder="1" applyAlignment="1">
      <alignment horizontal="center" vertical="center" wrapText="1"/>
    </xf>
    <xf numFmtId="0" fontId="14" fillId="0" borderId="9" xfId="1" applyFont="1" applyBorder="1" applyAlignment="1">
      <alignment horizontal="center" vertical="center" wrapText="1"/>
    </xf>
    <xf numFmtId="0" fontId="14" fillId="0" borderId="8" xfId="1" applyFont="1" applyBorder="1" applyAlignment="1">
      <alignment horizontal="center" vertical="center" wrapText="1"/>
    </xf>
    <xf numFmtId="0" fontId="14" fillId="0" borderId="3" xfId="1" applyFont="1" applyBorder="1" applyAlignment="1">
      <alignment horizontal="center" vertical="center" wrapText="1"/>
    </xf>
    <xf numFmtId="0" fontId="14" fillId="0" borderId="2" xfId="1" applyFont="1" applyBorder="1" applyAlignment="1">
      <alignment horizontal="center" vertical="center" wrapText="1"/>
    </xf>
    <xf numFmtId="0" fontId="14" fillId="0" borderId="1" xfId="1" applyFont="1" applyBorder="1" applyAlignment="1">
      <alignment horizontal="center" vertical="center" wrapText="1"/>
    </xf>
    <xf numFmtId="0" fontId="14" fillId="0" borderId="10" xfId="1" applyFont="1" applyBorder="1" applyAlignment="1" applyProtection="1">
      <alignment vertical="center"/>
      <protection locked="0"/>
    </xf>
    <xf numFmtId="0" fontId="14" fillId="0" borderId="8" xfId="1" applyFont="1" applyBorder="1" applyAlignment="1" applyProtection="1">
      <alignment vertical="center"/>
      <protection locked="0"/>
    </xf>
    <xf numFmtId="0" fontId="14" fillId="0" borderId="3" xfId="1" applyFont="1" applyBorder="1" applyAlignment="1" applyProtection="1">
      <alignment vertical="center"/>
      <protection locked="0"/>
    </xf>
    <xf numFmtId="0" fontId="14" fillId="0" borderId="1" xfId="1" applyFont="1" applyBorder="1" applyAlignment="1" applyProtection="1">
      <alignment vertical="center"/>
      <protection locked="0"/>
    </xf>
    <xf numFmtId="0" fontId="14" fillId="0" borderId="10" xfId="1" applyFont="1" applyBorder="1" applyAlignment="1">
      <alignment horizontal="center" vertical="center" wrapText="1"/>
    </xf>
    <xf numFmtId="0" fontId="14" fillId="0" borderId="6" xfId="1" applyFont="1" applyBorder="1" applyAlignment="1">
      <alignment horizontal="center" vertical="center" wrapText="1"/>
    </xf>
    <xf numFmtId="0" fontId="14" fillId="0" borderId="0" xfId="1" applyFont="1" applyAlignment="1">
      <alignment horizontal="center" vertical="center" wrapText="1"/>
    </xf>
    <xf numFmtId="0" fontId="14" fillId="0" borderId="5" xfId="1" applyFont="1" applyBorder="1" applyAlignment="1">
      <alignment horizontal="center" vertical="center" wrapText="1"/>
    </xf>
    <xf numFmtId="0" fontId="14" fillId="0" borderId="33" xfId="1" applyFont="1" applyBorder="1" applyAlignment="1">
      <alignment horizontal="center" vertical="center" wrapText="1"/>
    </xf>
    <xf numFmtId="0" fontId="14" fillId="0" borderId="32" xfId="1" applyFont="1" applyBorder="1" applyAlignment="1">
      <alignment horizontal="center" vertical="center" wrapText="1"/>
    </xf>
    <xf numFmtId="0" fontId="14" fillId="0" borderId="31" xfId="1" applyFont="1" applyBorder="1" applyAlignment="1">
      <alignment horizontal="center" vertical="center" wrapText="1"/>
    </xf>
    <xf numFmtId="0" fontId="14" fillId="0" borderId="0" xfId="1" applyFont="1" applyAlignment="1">
      <alignment horizontal="center" vertical="center"/>
    </xf>
    <xf numFmtId="0" fontId="14" fillId="0" borderId="0" xfId="1" applyFont="1" applyAlignment="1" applyProtection="1">
      <alignment horizontal="right" vertical="center"/>
      <protection locked="0"/>
    </xf>
    <xf numFmtId="0" fontId="14" fillId="0" borderId="23" xfId="1" applyFont="1" applyBorder="1" applyAlignment="1">
      <alignment horizontal="center" vertical="center" textRotation="255"/>
    </xf>
    <xf numFmtId="0" fontId="14" fillId="0" borderId="17" xfId="1" applyFont="1" applyBorder="1" applyAlignment="1">
      <alignment horizontal="center" vertical="center" textRotation="255"/>
    </xf>
    <xf numFmtId="0" fontId="14" fillId="0" borderId="15" xfId="1" applyFont="1" applyBorder="1" applyAlignment="1">
      <alignment horizontal="center" vertical="center" textRotation="255"/>
    </xf>
    <xf numFmtId="0" fontId="14" fillId="0" borderId="11" xfId="1" applyFont="1" applyBorder="1" applyAlignment="1">
      <alignment horizontal="center" vertical="center" wrapText="1"/>
    </xf>
    <xf numFmtId="0" fontId="14" fillId="0" borderId="4" xfId="1" applyFont="1" applyBorder="1" applyAlignment="1">
      <alignment horizontal="center" vertical="center"/>
    </xf>
    <xf numFmtId="0" fontId="14" fillId="0" borderId="10" xfId="1" applyFont="1" applyBorder="1" applyAlignment="1" applyProtection="1">
      <alignment horizontal="center" vertical="center"/>
      <protection locked="0"/>
    </xf>
    <xf numFmtId="0" fontId="14" fillId="0" borderId="9" xfId="1" applyFont="1" applyBorder="1" applyAlignment="1" applyProtection="1">
      <alignment horizontal="center" vertical="center"/>
      <protection locked="0"/>
    </xf>
    <xf numFmtId="0" fontId="14" fillId="0" borderId="18" xfId="1" applyFont="1" applyBorder="1" applyAlignment="1" applyProtection="1">
      <alignment horizontal="center" vertical="center"/>
      <protection locked="0"/>
    </xf>
    <xf numFmtId="0" fontId="14" fillId="0" borderId="3" xfId="1" applyFont="1" applyBorder="1" applyAlignment="1" applyProtection="1">
      <alignment horizontal="center" vertical="center"/>
      <protection locked="0"/>
    </xf>
    <xf numFmtId="0" fontId="14" fillId="0" borderId="2" xfId="1" applyFont="1" applyBorder="1" applyAlignment="1" applyProtection="1">
      <alignment horizontal="center" vertical="center"/>
      <protection locked="0"/>
    </xf>
    <xf numFmtId="0" fontId="14" fillId="0" borderId="19" xfId="1" applyFont="1" applyBorder="1" applyAlignment="1" applyProtection="1">
      <alignment horizontal="center" vertical="center"/>
      <protection locked="0"/>
    </xf>
    <xf numFmtId="0" fontId="14" fillId="0" borderId="11" xfId="1" applyFont="1" applyBorder="1" applyAlignment="1">
      <alignment horizontal="center" vertical="center"/>
    </xf>
    <xf numFmtId="0" fontId="14" fillId="0" borderId="7" xfId="1" applyFont="1" applyBorder="1" applyAlignment="1">
      <alignment horizontal="center" vertical="center"/>
    </xf>
    <xf numFmtId="0" fontId="14" fillId="0" borderId="25" xfId="1" applyFont="1" applyBorder="1" applyAlignment="1" applyProtection="1">
      <alignment horizontal="center" vertical="center"/>
      <protection locked="0"/>
    </xf>
    <xf numFmtId="0" fontId="14" fillId="0" borderId="23" xfId="1" applyFont="1" applyBorder="1" applyAlignment="1">
      <alignment vertical="center" textRotation="255"/>
    </xf>
    <xf numFmtId="0" fontId="14" fillId="0" borderId="17" xfId="1" applyFont="1" applyBorder="1" applyAlignment="1">
      <alignment vertical="center" textRotation="255"/>
    </xf>
    <xf numFmtId="0" fontId="14" fillId="0" borderId="15" xfId="1" applyFont="1" applyBorder="1" applyAlignment="1">
      <alignment vertical="center" textRotation="255"/>
    </xf>
    <xf numFmtId="0" fontId="14" fillId="0" borderId="21" xfId="1" applyFont="1" applyBorder="1" applyAlignment="1" applyProtection="1">
      <alignment horizontal="center" vertical="center"/>
      <protection locked="0"/>
    </xf>
    <xf numFmtId="0" fontId="14" fillId="0" borderId="9" xfId="1" applyFont="1" applyBorder="1" applyAlignment="1" applyProtection="1">
      <alignment vertical="center"/>
      <protection locked="0"/>
    </xf>
    <xf numFmtId="0" fontId="14" fillId="0" borderId="18" xfId="1" applyFont="1" applyBorder="1" applyAlignment="1" applyProtection="1">
      <alignment vertical="center"/>
      <protection locked="0"/>
    </xf>
    <xf numFmtId="0" fontId="14" fillId="0" borderId="2" xfId="1" applyFont="1" applyBorder="1" applyAlignment="1" applyProtection="1">
      <alignment vertical="center"/>
      <protection locked="0"/>
    </xf>
    <xf numFmtId="0" fontId="14" fillId="0" borderId="19" xfId="1" applyFont="1" applyBorder="1" applyAlignment="1" applyProtection="1">
      <alignment vertical="center"/>
      <protection locked="0"/>
    </xf>
    <xf numFmtId="0" fontId="14" fillId="0" borderId="14" xfId="1" applyFont="1" applyBorder="1" applyAlignment="1">
      <alignment horizontal="center" vertical="center"/>
    </xf>
  </cellXfs>
  <cellStyles count="2">
    <cellStyle name="標準" xfId="0" builtinId="0"/>
    <cellStyle name="標準 2" xfId="1" xr:uid="{75B481DF-A6F3-4A72-82AF-70DB5B1AB0D5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59850F1-CD4F-42EE-8FC9-68BA94414D5B}">
  <sheetPr>
    <tabColor rgb="FFFF0000"/>
  </sheetPr>
  <dimension ref="A1:I17"/>
  <sheetViews>
    <sheetView view="pageBreakPreview" topLeftCell="A9" zoomScaleNormal="100" zoomScaleSheetLayoutView="100" workbookViewId="0">
      <selection activeCell="A9" sqref="A9:F9"/>
    </sheetView>
  </sheetViews>
  <sheetFormatPr defaultColWidth="8.09765625" defaultRowHeight="12" x14ac:dyDescent="0.15"/>
  <cols>
    <col min="1" max="1" width="11.5" style="66" customWidth="1"/>
    <col min="2" max="2" width="11.3984375" style="66" customWidth="1"/>
    <col min="3" max="3" width="13.296875" style="66" customWidth="1"/>
    <col min="4" max="4" width="5.296875" style="66" customWidth="1"/>
    <col min="5" max="5" width="6.8984375" style="66" customWidth="1"/>
    <col min="6" max="6" width="4.59765625" style="66" customWidth="1"/>
    <col min="7" max="8" width="7.796875" style="66" customWidth="1"/>
    <col min="9" max="9" width="11.5" style="66" customWidth="1"/>
    <col min="10" max="10" width="11.3984375" style="66" customWidth="1"/>
    <col min="11" max="11" width="12.296875" style="66" customWidth="1"/>
    <col min="12" max="12" width="5.296875" style="66" customWidth="1"/>
    <col min="13" max="13" width="6.8984375" style="66" customWidth="1"/>
    <col min="14" max="14" width="4.59765625" style="66" customWidth="1"/>
    <col min="15" max="16" width="7.796875" style="66" customWidth="1"/>
    <col min="17" max="16384" width="8.09765625" style="66"/>
  </cols>
  <sheetData>
    <row r="1" spans="1:9" ht="45" customHeight="1" thickBot="1" x14ac:dyDescent="0.2">
      <c r="A1" s="98" t="s">
        <v>76</v>
      </c>
      <c r="B1" s="98"/>
      <c r="C1" s="98"/>
      <c r="D1" s="98"/>
      <c r="E1" s="98"/>
      <c r="F1" s="98"/>
      <c r="G1" s="98"/>
      <c r="H1" s="98"/>
      <c r="I1" s="77" t="s">
        <v>70</v>
      </c>
    </row>
    <row r="2" spans="1:9" ht="21.9" customHeight="1" x14ac:dyDescent="0.15">
      <c r="A2" s="99" t="s">
        <v>69</v>
      </c>
      <c r="B2" s="101"/>
      <c r="C2" s="102"/>
      <c r="D2" s="103"/>
      <c r="E2" s="104" t="s">
        <v>75</v>
      </c>
      <c r="F2" s="105"/>
      <c r="G2" s="108"/>
      <c r="H2" s="109"/>
    </row>
    <row r="3" spans="1:9" ht="21.9" customHeight="1" x14ac:dyDescent="0.15">
      <c r="A3" s="100"/>
      <c r="B3" s="112"/>
      <c r="C3" s="113"/>
      <c r="D3" s="114"/>
      <c r="E3" s="106"/>
      <c r="F3" s="107"/>
      <c r="G3" s="110"/>
      <c r="H3" s="111"/>
    </row>
    <row r="4" spans="1:9" ht="45" customHeight="1" x14ac:dyDescent="0.15">
      <c r="A4" s="76" t="s">
        <v>67</v>
      </c>
      <c r="B4" s="88"/>
      <c r="C4" s="89"/>
      <c r="D4" s="89"/>
      <c r="E4" s="89"/>
      <c r="F4" s="89"/>
      <c r="G4" s="89"/>
      <c r="H4" s="90"/>
    </row>
    <row r="5" spans="1:9" ht="45" customHeight="1" thickBot="1" x14ac:dyDescent="0.2">
      <c r="A5" s="75" t="s">
        <v>66</v>
      </c>
      <c r="B5" s="91" t="s">
        <v>65</v>
      </c>
      <c r="C5" s="92"/>
      <c r="D5" s="91" t="s">
        <v>64</v>
      </c>
      <c r="E5" s="92"/>
      <c r="F5" s="91"/>
      <c r="G5" s="93"/>
      <c r="H5" s="94"/>
    </row>
    <row r="6" spans="1:9" ht="45" customHeight="1" thickBot="1" x14ac:dyDescent="0.2">
      <c r="A6" s="74"/>
      <c r="B6" s="74"/>
      <c r="C6" s="74"/>
      <c r="D6" s="74"/>
      <c r="E6" s="74"/>
      <c r="F6" s="74"/>
      <c r="G6" s="74"/>
      <c r="H6" s="74"/>
    </row>
    <row r="7" spans="1:9" ht="45" customHeight="1" x14ac:dyDescent="0.15">
      <c r="A7" s="95" t="s">
        <v>63</v>
      </c>
      <c r="B7" s="96"/>
      <c r="C7" s="96"/>
      <c r="D7" s="96"/>
      <c r="E7" s="96"/>
      <c r="F7" s="97"/>
      <c r="G7" s="73" t="s">
        <v>62</v>
      </c>
      <c r="H7" s="72" t="s">
        <v>61</v>
      </c>
    </row>
    <row r="8" spans="1:9" ht="45" customHeight="1" x14ac:dyDescent="0.15">
      <c r="A8" s="84" t="s">
        <v>60</v>
      </c>
      <c r="B8" s="85"/>
      <c r="C8" s="85"/>
      <c r="D8" s="85"/>
      <c r="E8" s="85"/>
      <c r="F8" s="86"/>
      <c r="G8" s="70"/>
      <c r="H8" s="71"/>
    </row>
    <row r="9" spans="1:9" ht="45" customHeight="1" x14ac:dyDescent="0.15">
      <c r="A9" s="84" t="s">
        <v>77</v>
      </c>
      <c r="B9" s="85"/>
      <c r="C9" s="85"/>
      <c r="D9" s="85"/>
      <c r="E9" s="85"/>
      <c r="F9" s="86"/>
      <c r="G9" s="70"/>
      <c r="H9" s="71"/>
    </row>
    <row r="10" spans="1:9" ht="45" customHeight="1" x14ac:dyDescent="0.15">
      <c r="A10" s="84" t="s">
        <v>13</v>
      </c>
      <c r="B10" s="85"/>
      <c r="C10" s="85"/>
      <c r="D10" s="85"/>
      <c r="E10" s="85"/>
      <c r="F10" s="86"/>
      <c r="G10" s="70"/>
      <c r="H10" s="71"/>
    </row>
    <row r="11" spans="1:9" ht="45" customHeight="1" x14ac:dyDescent="0.15">
      <c r="A11" s="87" t="s">
        <v>74</v>
      </c>
      <c r="B11" s="85"/>
      <c r="C11" s="85"/>
      <c r="D11" s="85"/>
      <c r="E11" s="85"/>
      <c r="F11" s="86"/>
      <c r="G11" s="70"/>
      <c r="H11" s="71"/>
    </row>
    <row r="12" spans="1:9" ht="45" customHeight="1" x14ac:dyDescent="0.15">
      <c r="A12" s="87" t="s">
        <v>58</v>
      </c>
      <c r="B12" s="85"/>
      <c r="C12" s="85"/>
      <c r="D12" s="85"/>
      <c r="E12" s="85"/>
      <c r="F12" s="86"/>
      <c r="G12" s="70"/>
      <c r="H12" s="71"/>
    </row>
    <row r="13" spans="1:9" ht="45" customHeight="1" thickBot="1" x14ac:dyDescent="0.2">
      <c r="A13" s="79" t="s">
        <v>73</v>
      </c>
      <c r="B13" s="80"/>
      <c r="C13" s="80"/>
      <c r="D13" s="80"/>
      <c r="E13" s="80"/>
      <c r="F13" s="81"/>
      <c r="G13" s="78"/>
      <c r="H13" s="67"/>
    </row>
    <row r="14" spans="1:9" ht="45" customHeight="1" x14ac:dyDescent="0.15">
      <c r="A14" s="82" t="s">
        <v>72</v>
      </c>
      <c r="B14" s="82"/>
      <c r="C14" s="82"/>
      <c r="D14" s="82"/>
      <c r="E14" s="82"/>
      <c r="F14" s="82"/>
      <c r="G14" s="82"/>
      <c r="H14" s="82"/>
    </row>
    <row r="15" spans="1:9" ht="45" customHeight="1" x14ac:dyDescent="0.15">
      <c r="A15" s="83"/>
      <c r="B15" s="83"/>
      <c r="C15" s="83"/>
      <c r="D15" s="83"/>
      <c r="E15" s="83"/>
      <c r="F15" s="83"/>
      <c r="G15" s="83"/>
      <c r="H15" s="83"/>
    </row>
    <row r="16" spans="1:9" ht="45" customHeight="1" x14ac:dyDescent="0.15">
      <c r="A16" s="83"/>
      <c r="B16" s="83"/>
      <c r="C16" s="83"/>
      <c r="D16" s="83"/>
      <c r="E16" s="83"/>
      <c r="F16" s="83"/>
      <c r="G16" s="83"/>
      <c r="H16" s="83"/>
    </row>
    <row r="17" s="66" customFormat="1" ht="45" customHeight="1" x14ac:dyDescent="0.15"/>
  </sheetData>
  <mergeCells count="18">
    <mergeCell ref="A1:H1"/>
    <mergeCell ref="A2:A3"/>
    <mergeCell ref="B2:D2"/>
    <mergeCell ref="E2:F3"/>
    <mergeCell ref="G2:H3"/>
    <mergeCell ref="B3:D3"/>
    <mergeCell ref="B4:H4"/>
    <mergeCell ref="B5:C5"/>
    <mergeCell ref="D5:E5"/>
    <mergeCell ref="F5:H5"/>
    <mergeCell ref="A7:F7"/>
    <mergeCell ref="A13:F13"/>
    <mergeCell ref="A14:H16"/>
    <mergeCell ref="A8:F8"/>
    <mergeCell ref="A9:F9"/>
    <mergeCell ref="A10:F10"/>
    <mergeCell ref="A11:F11"/>
    <mergeCell ref="A12:F12"/>
  </mergeCells>
  <phoneticPr fontId="3"/>
  <dataValidations count="1">
    <dataValidation type="list" allowBlank="1" showInputMessage="1" showErrorMessage="1" sqref="G8:G13 WVW983048:WVW983054 WMA983048:WMA983054 WCE983048:WCE983054 VSI983048:VSI983054 VIM983048:VIM983054 UYQ983048:UYQ983054 UOU983048:UOU983054 UEY983048:UEY983054 TVC983048:TVC983054 TLG983048:TLG983054 TBK983048:TBK983054 SRO983048:SRO983054 SHS983048:SHS983054 RXW983048:RXW983054 ROA983048:ROA983054 REE983048:REE983054 QUI983048:QUI983054 QKM983048:QKM983054 QAQ983048:QAQ983054 PQU983048:PQU983054 PGY983048:PGY983054 OXC983048:OXC983054 ONG983048:ONG983054 ODK983048:ODK983054 NTO983048:NTO983054 NJS983048:NJS983054 MZW983048:MZW983054 MQA983048:MQA983054 MGE983048:MGE983054 LWI983048:LWI983054 LMM983048:LMM983054 LCQ983048:LCQ983054 KSU983048:KSU983054 KIY983048:KIY983054 JZC983048:JZC983054 JPG983048:JPG983054 JFK983048:JFK983054 IVO983048:IVO983054 ILS983048:ILS983054 IBW983048:IBW983054 HSA983048:HSA983054 HIE983048:HIE983054 GYI983048:GYI983054 GOM983048:GOM983054 GEQ983048:GEQ983054 FUU983048:FUU983054 FKY983048:FKY983054 FBC983048:FBC983054 ERG983048:ERG983054 EHK983048:EHK983054 DXO983048:DXO983054 DNS983048:DNS983054 DDW983048:DDW983054 CUA983048:CUA983054 CKE983048:CKE983054 CAI983048:CAI983054 BQM983048:BQM983054 BGQ983048:BGQ983054 AWU983048:AWU983054 AMY983048:AMY983054 ADC983048:ADC983054 TG983048:TG983054 JK983048:JK983054 O983048:O983054 WVW917512:WVW917518 WMA917512:WMA917518 WCE917512:WCE917518 VSI917512:VSI917518 VIM917512:VIM917518 UYQ917512:UYQ917518 UOU917512:UOU917518 UEY917512:UEY917518 TVC917512:TVC917518 TLG917512:TLG917518 TBK917512:TBK917518 SRO917512:SRO917518 SHS917512:SHS917518 RXW917512:RXW917518 ROA917512:ROA917518 REE917512:REE917518 QUI917512:QUI917518 QKM917512:QKM917518 QAQ917512:QAQ917518 PQU917512:PQU917518 PGY917512:PGY917518 OXC917512:OXC917518 ONG917512:ONG917518 ODK917512:ODK917518 NTO917512:NTO917518 NJS917512:NJS917518 MZW917512:MZW917518 MQA917512:MQA917518 MGE917512:MGE917518 LWI917512:LWI917518 LMM917512:LMM917518 LCQ917512:LCQ917518 KSU917512:KSU917518 KIY917512:KIY917518 JZC917512:JZC917518 JPG917512:JPG917518 JFK917512:JFK917518 IVO917512:IVO917518 ILS917512:ILS917518 IBW917512:IBW917518 HSA917512:HSA917518 HIE917512:HIE917518 GYI917512:GYI917518 GOM917512:GOM917518 GEQ917512:GEQ917518 FUU917512:FUU917518 FKY917512:FKY917518 FBC917512:FBC917518 ERG917512:ERG917518 EHK917512:EHK917518 DXO917512:DXO917518 DNS917512:DNS917518 DDW917512:DDW917518 CUA917512:CUA917518 CKE917512:CKE917518 CAI917512:CAI917518 BQM917512:BQM917518 BGQ917512:BGQ917518 AWU917512:AWU917518 AMY917512:AMY917518 ADC917512:ADC917518 TG917512:TG917518 JK917512:JK917518 O917512:O917518 WVW851976:WVW851982 WMA851976:WMA851982 WCE851976:WCE851982 VSI851976:VSI851982 VIM851976:VIM851982 UYQ851976:UYQ851982 UOU851976:UOU851982 UEY851976:UEY851982 TVC851976:TVC851982 TLG851976:TLG851982 TBK851976:TBK851982 SRO851976:SRO851982 SHS851976:SHS851982 RXW851976:RXW851982 ROA851976:ROA851982 REE851976:REE851982 QUI851976:QUI851982 QKM851976:QKM851982 QAQ851976:QAQ851982 PQU851976:PQU851982 PGY851976:PGY851982 OXC851976:OXC851982 ONG851976:ONG851982 ODK851976:ODK851982 NTO851976:NTO851982 NJS851976:NJS851982 MZW851976:MZW851982 MQA851976:MQA851982 MGE851976:MGE851982 LWI851976:LWI851982 LMM851976:LMM851982 LCQ851976:LCQ851982 KSU851976:KSU851982 KIY851976:KIY851982 JZC851976:JZC851982 JPG851976:JPG851982 JFK851976:JFK851982 IVO851976:IVO851982 ILS851976:ILS851982 IBW851976:IBW851982 HSA851976:HSA851982 HIE851976:HIE851982 GYI851976:GYI851982 GOM851976:GOM851982 GEQ851976:GEQ851982 FUU851976:FUU851982 FKY851976:FKY851982 FBC851976:FBC851982 ERG851976:ERG851982 EHK851976:EHK851982 DXO851976:DXO851982 DNS851976:DNS851982 DDW851976:DDW851982 CUA851976:CUA851982 CKE851976:CKE851982 CAI851976:CAI851982 BQM851976:BQM851982 BGQ851976:BGQ851982 AWU851976:AWU851982 AMY851976:AMY851982 ADC851976:ADC851982 TG851976:TG851982 JK851976:JK851982 O851976:O851982 WVW786440:WVW786446 WMA786440:WMA786446 WCE786440:WCE786446 VSI786440:VSI786446 VIM786440:VIM786446 UYQ786440:UYQ786446 UOU786440:UOU786446 UEY786440:UEY786446 TVC786440:TVC786446 TLG786440:TLG786446 TBK786440:TBK786446 SRO786440:SRO786446 SHS786440:SHS786446 RXW786440:RXW786446 ROA786440:ROA786446 REE786440:REE786446 QUI786440:QUI786446 QKM786440:QKM786446 QAQ786440:QAQ786446 PQU786440:PQU786446 PGY786440:PGY786446 OXC786440:OXC786446 ONG786440:ONG786446 ODK786440:ODK786446 NTO786440:NTO786446 NJS786440:NJS786446 MZW786440:MZW786446 MQA786440:MQA786446 MGE786440:MGE786446 LWI786440:LWI786446 LMM786440:LMM786446 LCQ786440:LCQ786446 KSU786440:KSU786446 KIY786440:KIY786446 JZC786440:JZC786446 JPG786440:JPG786446 JFK786440:JFK786446 IVO786440:IVO786446 ILS786440:ILS786446 IBW786440:IBW786446 HSA786440:HSA786446 HIE786440:HIE786446 GYI786440:GYI786446 GOM786440:GOM786446 GEQ786440:GEQ786446 FUU786440:FUU786446 FKY786440:FKY786446 FBC786440:FBC786446 ERG786440:ERG786446 EHK786440:EHK786446 DXO786440:DXO786446 DNS786440:DNS786446 DDW786440:DDW786446 CUA786440:CUA786446 CKE786440:CKE786446 CAI786440:CAI786446 BQM786440:BQM786446 BGQ786440:BGQ786446 AWU786440:AWU786446 AMY786440:AMY786446 ADC786440:ADC786446 TG786440:TG786446 JK786440:JK786446 O786440:O786446 WVW720904:WVW720910 WMA720904:WMA720910 WCE720904:WCE720910 VSI720904:VSI720910 VIM720904:VIM720910 UYQ720904:UYQ720910 UOU720904:UOU720910 UEY720904:UEY720910 TVC720904:TVC720910 TLG720904:TLG720910 TBK720904:TBK720910 SRO720904:SRO720910 SHS720904:SHS720910 RXW720904:RXW720910 ROA720904:ROA720910 REE720904:REE720910 QUI720904:QUI720910 QKM720904:QKM720910 QAQ720904:QAQ720910 PQU720904:PQU720910 PGY720904:PGY720910 OXC720904:OXC720910 ONG720904:ONG720910 ODK720904:ODK720910 NTO720904:NTO720910 NJS720904:NJS720910 MZW720904:MZW720910 MQA720904:MQA720910 MGE720904:MGE720910 LWI720904:LWI720910 LMM720904:LMM720910 LCQ720904:LCQ720910 KSU720904:KSU720910 KIY720904:KIY720910 JZC720904:JZC720910 JPG720904:JPG720910 JFK720904:JFK720910 IVO720904:IVO720910 ILS720904:ILS720910 IBW720904:IBW720910 HSA720904:HSA720910 HIE720904:HIE720910 GYI720904:GYI720910 GOM720904:GOM720910 GEQ720904:GEQ720910 FUU720904:FUU720910 FKY720904:FKY720910 FBC720904:FBC720910 ERG720904:ERG720910 EHK720904:EHK720910 DXO720904:DXO720910 DNS720904:DNS720910 DDW720904:DDW720910 CUA720904:CUA720910 CKE720904:CKE720910 CAI720904:CAI720910 BQM720904:BQM720910 BGQ720904:BGQ720910 AWU720904:AWU720910 AMY720904:AMY720910 ADC720904:ADC720910 TG720904:TG720910 JK720904:JK720910 O720904:O720910 WVW655368:WVW655374 WMA655368:WMA655374 WCE655368:WCE655374 VSI655368:VSI655374 VIM655368:VIM655374 UYQ655368:UYQ655374 UOU655368:UOU655374 UEY655368:UEY655374 TVC655368:TVC655374 TLG655368:TLG655374 TBK655368:TBK655374 SRO655368:SRO655374 SHS655368:SHS655374 RXW655368:RXW655374 ROA655368:ROA655374 REE655368:REE655374 QUI655368:QUI655374 QKM655368:QKM655374 QAQ655368:QAQ655374 PQU655368:PQU655374 PGY655368:PGY655374 OXC655368:OXC655374 ONG655368:ONG655374 ODK655368:ODK655374 NTO655368:NTO655374 NJS655368:NJS655374 MZW655368:MZW655374 MQA655368:MQA655374 MGE655368:MGE655374 LWI655368:LWI655374 LMM655368:LMM655374 LCQ655368:LCQ655374 KSU655368:KSU655374 KIY655368:KIY655374 JZC655368:JZC655374 JPG655368:JPG655374 JFK655368:JFK655374 IVO655368:IVO655374 ILS655368:ILS655374 IBW655368:IBW655374 HSA655368:HSA655374 HIE655368:HIE655374 GYI655368:GYI655374 GOM655368:GOM655374 GEQ655368:GEQ655374 FUU655368:FUU655374 FKY655368:FKY655374 FBC655368:FBC655374 ERG655368:ERG655374 EHK655368:EHK655374 DXO655368:DXO655374 DNS655368:DNS655374 DDW655368:DDW655374 CUA655368:CUA655374 CKE655368:CKE655374 CAI655368:CAI655374 BQM655368:BQM655374 BGQ655368:BGQ655374 AWU655368:AWU655374 AMY655368:AMY655374 ADC655368:ADC655374 TG655368:TG655374 JK655368:JK655374 O655368:O655374 WVW589832:WVW589838 WMA589832:WMA589838 WCE589832:WCE589838 VSI589832:VSI589838 VIM589832:VIM589838 UYQ589832:UYQ589838 UOU589832:UOU589838 UEY589832:UEY589838 TVC589832:TVC589838 TLG589832:TLG589838 TBK589832:TBK589838 SRO589832:SRO589838 SHS589832:SHS589838 RXW589832:RXW589838 ROA589832:ROA589838 REE589832:REE589838 QUI589832:QUI589838 QKM589832:QKM589838 QAQ589832:QAQ589838 PQU589832:PQU589838 PGY589832:PGY589838 OXC589832:OXC589838 ONG589832:ONG589838 ODK589832:ODK589838 NTO589832:NTO589838 NJS589832:NJS589838 MZW589832:MZW589838 MQA589832:MQA589838 MGE589832:MGE589838 LWI589832:LWI589838 LMM589832:LMM589838 LCQ589832:LCQ589838 KSU589832:KSU589838 KIY589832:KIY589838 JZC589832:JZC589838 JPG589832:JPG589838 JFK589832:JFK589838 IVO589832:IVO589838 ILS589832:ILS589838 IBW589832:IBW589838 HSA589832:HSA589838 HIE589832:HIE589838 GYI589832:GYI589838 GOM589832:GOM589838 GEQ589832:GEQ589838 FUU589832:FUU589838 FKY589832:FKY589838 FBC589832:FBC589838 ERG589832:ERG589838 EHK589832:EHK589838 DXO589832:DXO589838 DNS589832:DNS589838 DDW589832:DDW589838 CUA589832:CUA589838 CKE589832:CKE589838 CAI589832:CAI589838 BQM589832:BQM589838 BGQ589832:BGQ589838 AWU589832:AWU589838 AMY589832:AMY589838 ADC589832:ADC589838 TG589832:TG589838 JK589832:JK589838 O589832:O589838 WVW524296:WVW524302 WMA524296:WMA524302 WCE524296:WCE524302 VSI524296:VSI524302 VIM524296:VIM524302 UYQ524296:UYQ524302 UOU524296:UOU524302 UEY524296:UEY524302 TVC524296:TVC524302 TLG524296:TLG524302 TBK524296:TBK524302 SRO524296:SRO524302 SHS524296:SHS524302 RXW524296:RXW524302 ROA524296:ROA524302 REE524296:REE524302 QUI524296:QUI524302 QKM524296:QKM524302 QAQ524296:QAQ524302 PQU524296:PQU524302 PGY524296:PGY524302 OXC524296:OXC524302 ONG524296:ONG524302 ODK524296:ODK524302 NTO524296:NTO524302 NJS524296:NJS524302 MZW524296:MZW524302 MQA524296:MQA524302 MGE524296:MGE524302 LWI524296:LWI524302 LMM524296:LMM524302 LCQ524296:LCQ524302 KSU524296:KSU524302 KIY524296:KIY524302 JZC524296:JZC524302 JPG524296:JPG524302 JFK524296:JFK524302 IVO524296:IVO524302 ILS524296:ILS524302 IBW524296:IBW524302 HSA524296:HSA524302 HIE524296:HIE524302 GYI524296:GYI524302 GOM524296:GOM524302 GEQ524296:GEQ524302 FUU524296:FUU524302 FKY524296:FKY524302 FBC524296:FBC524302 ERG524296:ERG524302 EHK524296:EHK524302 DXO524296:DXO524302 DNS524296:DNS524302 DDW524296:DDW524302 CUA524296:CUA524302 CKE524296:CKE524302 CAI524296:CAI524302 BQM524296:BQM524302 BGQ524296:BGQ524302 AWU524296:AWU524302 AMY524296:AMY524302 ADC524296:ADC524302 TG524296:TG524302 JK524296:JK524302 O524296:O524302 WVW458760:WVW458766 WMA458760:WMA458766 WCE458760:WCE458766 VSI458760:VSI458766 VIM458760:VIM458766 UYQ458760:UYQ458766 UOU458760:UOU458766 UEY458760:UEY458766 TVC458760:TVC458766 TLG458760:TLG458766 TBK458760:TBK458766 SRO458760:SRO458766 SHS458760:SHS458766 RXW458760:RXW458766 ROA458760:ROA458766 REE458760:REE458766 QUI458760:QUI458766 QKM458760:QKM458766 QAQ458760:QAQ458766 PQU458760:PQU458766 PGY458760:PGY458766 OXC458760:OXC458766 ONG458760:ONG458766 ODK458760:ODK458766 NTO458760:NTO458766 NJS458760:NJS458766 MZW458760:MZW458766 MQA458760:MQA458766 MGE458760:MGE458766 LWI458760:LWI458766 LMM458760:LMM458766 LCQ458760:LCQ458766 KSU458760:KSU458766 KIY458760:KIY458766 JZC458760:JZC458766 JPG458760:JPG458766 JFK458760:JFK458766 IVO458760:IVO458766 ILS458760:ILS458766 IBW458760:IBW458766 HSA458760:HSA458766 HIE458760:HIE458766 GYI458760:GYI458766 GOM458760:GOM458766 GEQ458760:GEQ458766 FUU458760:FUU458766 FKY458760:FKY458766 FBC458760:FBC458766 ERG458760:ERG458766 EHK458760:EHK458766 DXO458760:DXO458766 DNS458760:DNS458766 DDW458760:DDW458766 CUA458760:CUA458766 CKE458760:CKE458766 CAI458760:CAI458766 BQM458760:BQM458766 BGQ458760:BGQ458766 AWU458760:AWU458766 AMY458760:AMY458766 ADC458760:ADC458766 TG458760:TG458766 JK458760:JK458766 O458760:O458766 WVW393224:WVW393230 WMA393224:WMA393230 WCE393224:WCE393230 VSI393224:VSI393230 VIM393224:VIM393230 UYQ393224:UYQ393230 UOU393224:UOU393230 UEY393224:UEY393230 TVC393224:TVC393230 TLG393224:TLG393230 TBK393224:TBK393230 SRO393224:SRO393230 SHS393224:SHS393230 RXW393224:RXW393230 ROA393224:ROA393230 REE393224:REE393230 QUI393224:QUI393230 QKM393224:QKM393230 QAQ393224:QAQ393230 PQU393224:PQU393230 PGY393224:PGY393230 OXC393224:OXC393230 ONG393224:ONG393230 ODK393224:ODK393230 NTO393224:NTO393230 NJS393224:NJS393230 MZW393224:MZW393230 MQA393224:MQA393230 MGE393224:MGE393230 LWI393224:LWI393230 LMM393224:LMM393230 LCQ393224:LCQ393230 KSU393224:KSU393230 KIY393224:KIY393230 JZC393224:JZC393230 JPG393224:JPG393230 JFK393224:JFK393230 IVO393224:IVO393230 ILS393224:ILS393230 IBW393224:IBW393230 HSA393224:HSA393230 HIE393224:HIE393230 GYI393224:GYI393230 GOM393224:GOM393230 GEQ393224:GEQ393230 FUU393224:FUU393230 FKY393224:FKY393230 FBC393224:FBC393230 ERG393224:ERG393230 EHK393224:EHK393230 DXO393224:DXO393230 DNS393224:DNS393230 DDW393224:DDW393230 CUA393224:CUA393230 CKE393224:CKE393230 CAI393224:CAI393230 BQM393224:BQM393230 BGQ393224:BGQ393230 AWU393224:AWU393230 AMY393224:AMY393230 ADC393224:ADC393230 TG393224:TG393230 JK393224:JK393230 O393224:O393230 WVW327688:WVW327694 WMA327688:WMA327694 WCE327688:WCE327694 VSI327688:VSI327694 VIM327688:VIM327694 UYQ327688:UYQ327694 UOU327688:UOU327694 UEY327688:UEY327694 TVC327688:TVC327694 TLG327688:TLG327694 TBK327688:TBK327694 SRO327688:SRO327694 SHS327688:SHS327694 RXW327688:RXW327694 ROA327688:ROA327694 REE327688:REE327694 QUI327688:QUI327694 QKM327688:QKM327694 QAQ327688:QAQ327694 PQU327688:PQU327694 PGY327688:PGY327694 OXC327688:OXC327694 ONG327688:ONG327694 ODK327688:ODK327694 NTO327688:NTO327694 NJS327688:NJS327694 MZW327688:MZW327694 MQA327688:MQA327694 MGE327688:MGE327694 LWI327688:LWI327694 LMM327688:LMM327694 LCQ327688:LCQ327694 KSU327688:KSU327694 KIY327688:KIY327694 JZC327688:JZC327694 JPG327688:JPG327694 JFK327688:JFK327694 IVO327688:IVO327694 ILS327688:ILS327694 IBW327688:IBW327694 HSA327688:HSA327694 HIE327688:HIE327694 GYI327688:GYI327694 GOM327688:GOM327694 GEQ327688:GEQ327694 FUU327688:FUU327694 FKY327688:FKY327694 FBC327688:FBC327694 ERG327688:ERG327694 EHK327688:EHK327694 DXO327688:DXO327694 DNS327688:DNS327694 DDW327688:DDW327694 CUA327688:CUA327694 CKE327688:CKE327694 CAI327688:CAI327694 BQM327688:BQM327694 BGQ327688:BGQ327694 AWU327688:AWU327694 AMY327688:AMY327694 ADC327688:ADC327694 TG327688:TG327694 JK327688:JK327694 O327688:O327694 WVW262152:WVW262158 WMA262152:WMA262158 WCE262152:WCE262158 VSI262152:VSI262158 VIM262152:VIM262158 UYQ262152:UYQ262158 UOU262152:UOU262158 UEY262152:UEY262158 TVC262152:TVC262158 TLG262152:TLG262158 TBK262152:TBK262158 SRO262152:SRO262158 SHS262152:SHS262158 RXW262152:RXW262158 ROA262152:ROA262158 REE262152:REE262158 QUI262152:QUI262158 QKM262152:QKM262158 QAQ262152:QAQ262158 PQU262152:PQU262158 PGY262152:PGY262158 OXC262152:OXC262158 ONG262152:ONG262158 ODK262152:ODK262158 NTO262152:NTO262158 NJS262152:NJS262158 MZW262152:MZW262158 MQA262152:MQA262158 MGE262152:MGE262158 LWI262152:LWI262158 LMM262152:LMM262158 LCQ262152:LCQ262158 KSU262152:KSU262158 KIY262152:KIY262158 JZC262152:JZC262158 JPG262152:JPG262158 JFK262152:JFK262158 IVO262152:IVO262158 ILS262152:ILS262158 IBW262152:IBW262158 HSA262152:HSA262158 HIE262152:HIE262158 GYI262152:GYI262158 GOM262152:GOM262158 GEQ262152:GEQ262158 FUU262152:FUU262158 FKY262152:FKY262158 FBC262152:FBC262158 ERG262152:ERG262158 EHK262152:EHK262158 DXO262152:DXO262158 DNS262152:DNS262158 DDW262152:DDW262158 CUA262152:CUA262158 CKE262152:CKE262158 CAI262152:CAI262158 BQM262152:BQM262158 BGQ262152:BGQ262158 AWU262152:AWU262158 AMY262152:AMY262158 ADC262152:ADC262158 TG262152:TG262158 JK262152:JK262158 O262152:O262158 WVW196616:WVW196622 WMA196616:WMA196622 WCE196616:WCE196622 VSI196616:VSI196622 VIM196616:VIM196622 UYQ196616:UYQ196622 UOU196616:UOU196622 UEY196616:UEY196622 TVC196616:TVC196622 TLG196616:TLG196622 TBK196616:TBK196622 SRO196616:SRO196622 SHS196616:SHS196622 RXW196616:RXW196622 ROA196616:ROA196622 REE196616:REE196622 QUI196616:QUI196622 QKM196616:QKM196622 QAQ196616:QAQ196622 PQU196616:PQU196622 PGY196616:PGY196622 OXC196616:OXC196622 ONG196616:ONG196622 ODK196616:ODK196622 NTO196616:NTO196622 NJS196616:NJS196622 MZW196616:MZW196622 MQA196616:MQA196622 MGE196616:MGE196622 LWI196616:LWI196622 LMM196616:LMM196622 LCQ196616:LCQ196622 KSU196616:KSU196622 KIY196616:KIY196622 JZC196616:JZC196622 JPG196616:JPG196622 JFK196616:JFK196622 IVO196616:IVO196622 ILS196616:ILS196622 IBW196616:IBW196622 HSA196616:HSA196622 HIE196616:HIE196622 GYI196616:GYI196622 GOM196616:GOM196622 GEQ196616:GEQ196622 FUU196616:FUU196622 FKY196616:FKY196622 FBC196616:FBC196622 ERG196616:ERG196622 EHK196616:EHK196622 DXO196616:DXO196622 DNS196616:DNS196622 DDW196616:DDW196622 CUA196616:CUA196622 CKE196616:CKE196622 CAI196616:CAI196622 BQM196616:BQM196622 BGQ196616:BGQ196622 AWU196616:AWU196622 AMY196616:AMY196622 ADC196616:ADC196622 TG196616:TG196622 JK196616:JK196622 O196616:O196622 WVW131080:WVW131086 WMA131080:WMA131086 WCE131080:WCE131086 VSI131080:VSI131086 VIM131080:VIM131086 UYQ131080:UYQ131086 UOU131080:UOU131086 UEY131080:UEY131086 TVC131080:TVC131086 TLG131080:TLG131086 TBK131080:TBK131086 SRO131080:SRO131086 SHS131080:SHS131086 RXW131080:RXW131086 ROA131080:ROA131086 REE131080:REE131086 QUI131080:QUI131086 QKM131080:QKM131086 QAQ131080:QAQ131086 PQU131080:PQU131086 PGY131080:PGY131086 OXC131080:OXC131086 ONG131080:ONG131086 ODK131080:ODK131086 NTO131080:NTO131086 NJS131080:NJS131086 MZW131080:MZW131086 MQA131080:MQA131086 MGE131080:MGE131086 LWI131080:LWI131086 LMM131080:LMM131086 LCQ131080:LCQ131086 KSU131080:KSU131086 KIY131080:KIY131086 JZC131080:JZC131086 JPG131080:JPG131086 JFK131080:JFK131086 IVO131080:IVO131086 ILS131080:ILS131086 IBW131080:IBW131086 HSA131080:HSA131086 HIE131080:HIE131086 GYI131080:GYI131086 GOM131080:GOM131086 GEQ131080:GEQ131086 FUU131080:FUU131086 FKY131080:FKY131086 FBC131080:FBC131086 ERG131080:ERG131086 EHK131080:EHK131086 DXO131080:DXO131086 DNS131080:DNS131086 DDW131080:DDW131086 CUA131080:CUA131086 CKE131080:CKE131086 CAI131080:CAI131086 BQM131080:BQM131086 BGQ131080:BGQ131086 AWU131080:AWU131086 AMY131080:AMY131086 ADC131080:ADC131086 TG131080:TG131086 JK131080:JK131086 O131080:O131086 WVW65544:WVW65550 WMA65544:WMA65550 WCE65544:WCE65550 VSI65544:VSI65550 VIM65544:VIM65550 UYQ65544:UYQ65550 UOU65544:UOU65550 UEY65544:UEY65550 TVC65544:TVC65550 TLG65544:TLG65550 TBK65544:TBK65550 SRO65544:SRO65550 SHS65544:SHS65550 RXW65544:RXW65550 ROA65544:ROA65550 REE65544:REE65550 QUI65544:QUI65550 QKM65544:QKM65550 QAQ65544:QAQ65550 PQU65544:PQU65550 PGY65544:PGY65550 OXC65544:OXC65550 ONG65544:ONG65550 ODK65544:ODK65550 NTO65544:NTO65550 NJS65544:NJS65550 MZW65544:MZW65550 MQA65544:MQA65550 MGE65544:MGE65550 LWI65544:LWI65550 LMM65544:LMM65550 LCQ65544:LCQ65550 KSU65544:KSU65550 KIY65544:KIY65550 JZC65544:JZC65550 JPG65544:JPG65550 JFK65544:JFK65550 IVO65544:IVO65550 ILS65544:ILS65550 IBW65544:IBW65550 HSA65544:HSA65550 HIE65544:HIE65550 GYI65544:GYI65550 GOM65544:GOM65550 GEQ65544:GEQ65550 FUU65544:FUU65550 FKY65544:FKY65550 FBC65544:FBC65550 ERG65544:ERG65550 EHK65544:EHK65550 DXO65544:DXO65550 DNS65544:DNS65550 DDW65544:DDW65550 CUA65544:CUA65550 CKE65544:CKE65550 CAI65544:CAI65550 BQM65544:BQM65550 BGQ65544:BGQ65550 AWU65544:AWU65550 AMY65544:AMY65550 ADC65544:ADC65550 TG65544:TG65550 JK65544:JK65550 O65544:O65550 WVN8:WVN14 WLR8:WLR14 WBV8:WBV14 VRZ8:VRZ14 VID8:VID14 UYH8:UYH14 UOL8:UOL14 UEP8:UEP14 TUT8:TUT14 TKX8:TKX14 TBB8:TBB14 SRF8:SRF14 SHJ8:SHJ14 RXN8:RXN14 RNR8:RNR14 RDV8:RDV14 QTZ8:QTZ14 QKD8:QKD14 QAH8:QAH14 PQL8:PQL14 PGP8:PGP14 OWT8:OWT14 OMX8:OMX14 ODB8:ODB14 NTF8:NTF14 NJJ8:NJJ14 MZN8:MZN14 MPR8:MPR14 MFV8:MFV14 LVZ8:LVZ14 LMD8:LMD14 LCH8:LCH14 KSL8:KSL14 KIP8:KIP14 JYT8:JYT14 JOX8:JOX14 JFB8:JFB14 IVF8:IVF14 ILJ8:ILJ14 IBN8:IBN14 HRR8:HRR14 HHV8:HHV14 GXZ8:GXZ14 GOD8:GOD14 GEH8:GEH14 FUL8:FUL14 FKP8:FKP14 FAT8:FAT14 EQX8:EQX14 EHB8:EHB14 DXF8:DXF14 DNJ8:DNJ14 DDN8:DDN14 CTR8:CTR14 CJV8:CJV14 BZZ8:BZZ14 BQD8:BQD14 BGH8:BGH14 AWL8:AWL14 AMP8:AMP14 ACT8:ACT14 SX8:SX14 JB8:JB14 WVO983048:WVO983053 WLS983048:WLS983053 WBW983048:WBW983053 VSA983048:VSA983053 VIE983048:VIE983053 UYI983048:UYI983053 UOM983048:UOM983053 UEQ983048:UEQ983053 TUU983048:TUU983053 TKY983048:TKY983053 TBC983048:TBC983053 SRG983048:SRG983053 SHK983048:SHK983053 RXO983048:RXO983053 RNS983048:RNS983053 RDW983048:RDW983053 QUA983048:QUA983053 QKE983048:QKE983053 QAI983048:QAI983053 PQM983048:PQM983053 PGQ983048:PGQ983053 OWU983048:OWU983053 OMY983048:OMY983053 ODC983048:ODC983053 NTG983048:NTG983053 NJK983048:NJK983053 MZO983048:MZO983053 MPS983048:MPS983053 MFW983048:MFW983053 LWA983048:LWA983053 LME983048:LME983053 LCI983048:LCI983053 KSM983048:KSM983053 KIQ983048:KIQ983053 JYU983048:JYU983053 JOY983048:JOY983053 JFC983048:JFC983053 IVG983048:IVG983053 ILK983048:ILK983053 IBO983048:IBO983053 HRS983048:HRS983053 HHW983048:HHW983053 GYA983048:GYA983053 GOE983048:GOE983053 GEI983048:GEI983053 FUM983048:FUM983053 FKQ983048:FKQ983053 FAU983048:FAU983053 EQY983048:EQY983053 EHC983048:EHC983053 DXG983048:DXG983053 DNK983048:DNK983053 DDO983048:DDO983053 CTS983048:CTS983053 CJW983048:CJW983053 CAA983048:CAA983053 BQE983048:BQE983053 BGI983048:BGI983053 AWM983048:AWM983053 AMQ983048:AMQ983053 ACU983048:ACU983053 SY983048:SY983053 JC983048:JC983053 G983048:G983053 WVO917512:WVO917517 WLS917512:WLS917517 WBW917512:WBW917517 VSA917512:VSA917517 VIE917512:VIE917517 UYI917512:UYI917517 UOM917512:UOM917517 UEQ917512:UEQ917517 TUU917512:TUU917517 TKY917512:TKY917517 TBC917512:TBC917517 SRG917512:SRG917517 SHK917512:SHK917517 RXO917512:RXO917517 RNS917512:RNS917517 RDW917512:RDW917517 QUA917512:QUA917517 QKE917512:QKE917517 QAI917512:QAI917517 PQM917512:PQM917517 PGQ917512:PGQ917517 OWU917512:OWU917517 OMY917512:OMY917517 ODC917512:ODC917517 NTG917512:NTG917517 NJK917512:NJK917517 MZO917512:MZO917517 MPS917512:MPS917517 MFW917512:MFW917517 LWA917512:LWA917517 LME917512:LME917517 LCI917512:LCI917517 KSM917512:KSM917517 KIQ917512:KIQ917517 JYU917512:JYU917517 JOY917512:JOY917517 JFC917512:JFC917517 IVG917512:IVG917517 ILK917512:ILK917517 IBO917512:IBO917517 HRS917512:HRS917517 HHW917512:HHW917517 GYA917512:GYA917517 GOE917512:GOE917517 GEI917512:GEI917517 FUM917512:FUM917517 FKQ917512:FKQ917517 FAU917512:FAU917517 EQY917512:EQY917517 EHC917512:EHC917517 DXG917512:DXG917517 DNK917512:DNK917517 DDO917512:DDO917517 CTS917512:CTS917517 CJW917512:CJW917517 CAA917512:CAA917517 BQE917512:BQE917517 BGI917512:BGI917517 AWM917512:AWM917517 AMQ917512:AMQ917517 ACU917512:ACU917517 SY917512:SY917517 JC917512:JC917517 G917512:G917517 WVO851976:WVO851981 WLS851976:WLS851981 WBW851976:WBW851981 VSA851976:VSA851981 VIE851976:VIE851981 UYI851976:UYI851981 UOM851976:UOM851981 UEQ851976:UEQ851981 TUU851976:TUU851981 TKY851976:TKY851981 TBC851976:TBC851981 SRG851976:SRG851981 SHK851976:SHK851981 RXO851976:RXO851981 RNS851976:RNS851981 RDW851976:RDW851981 QUA851976:QUA851981 QKE851976:QKE851981 QAI851976:QAI851981 PQM851976:PQM851981 PGQ851976:PGQ851981 OWU851976:OWU851981 OMY851976:OMY851981 ODC851976:ODC851981 NTG851976:NTG851981 NJK851976:NJK851981 MZO851976:MZO851981 MPS851976:MPS851981 MFW851976:MFW851981 LWA851976:LWA851981 LME851976:LME851981 LCI851976:LCI851981 KSM851976:KSM851981 KIQ851976:KIQ851981 JYU851976:JYU851981 JOY851976:JOY851981 JFC851976:JFC851981 IVG851976:IVG851981 ILK851976:ILK851981 IBO851976:IBO851981 HRS851976:HRS851981 HHW851976:HHW851981 GYA851976:GYA851981 GOE851976:GOE851981 GEI851976:GEI851981 FUM851976:FUM851981 FKQ851976:FKQ851981 FAU851976:FAU851981 EQY851976:EQY851981 EHC851976:EHC851981 DXG851976:DXG851981 DNK851976:DNK851981 DDO851976:DDO851981 CTS851976:CTS851981 CJW851976:CJW851981 CAA851976:CAA851981 BQE851976:BQE851981 BGI851976:BGI851981 AWM851976:AWM851981 AMQ851976:AMQ851981 ACU851976:ACU851981 SY851976:SY851981 JC851976:JC851981 G851976:G851981 WVO786440:WVO786445 WLS786440:WLS786445 WBW786440:WBW786445 VSA786440:VSA786445 VIE786440:VIE786445 UYI786440:UYI786445 UOM786440:UOM786445 UEQ786440:UEQ786445 TUU786440:TUU786445 TKY786440:TKY786445 TBC786440:TBC786445 SRG786440:SRG786445 SHK786440:SHK786445 RXO786440:RXO786445 RNS786440:RNS786445 RDW786440:RDW786445 QUA786440:QUA786445 QKE786440:QKE786445 QAI786440:QAI786445 PQM786440:PQM786445 PGQ786440:PGQ786445 OWU786440:OWU786445 OMY786440:OMY786445 ODC786440:ODC786445 NTG786440:NTG786445 NJK786440:NJK786445 MZO786440:MZO786445 MPS786440:MPS786445 MFW786440:MFW786445 LWA786440:LWA786445 LME786440:LME786445 LCI786440:LCI786445 KSM786440:KSM786445 KIQ786440:KIQ786445 JYU786440:JYU786445 JOY786440:JOY786445 JFC786440:JFC786445 IVG786440:IVG786445 ILK786440:ILK786445 IBO786440:IBO786445 HRS786440:HRS786445 HHW786440:HHW786445 GYA786440:GYA786445 GOE786440:GOE786445 GEI786440:GEI786445 FUM786440:FUM786445 FKQ786440:FKQ786445 FAU786440:FAU786445 EQY786440:EQY786445 EHC786440:EHC786445 DXG786440:DXG786445 DNK786440:DNK786445 DDO786440:DDO786445 CTS786440:CTS786445 CJW786440:CJW786445 CAA786440:CAA786445 BQE786440:BQE786445 BGI786440:BGI786445 AWM786440:AWM786445 AMQ786440:AMQ786445 ACU786440:ACU786445 SY786440:SY786445 JC786440:JC786445 G786440:G786445 WVO720904:WVO720909 WLS720904:WLS720909 WBW720904:WBW720909 VSA720904:VSA720909 VIE720904:VIE720909 UYI720904:UYI720909 UOM720904:UOM720909 UEQ720904:UEQ720909 TUU720904:TUU720909 TKY720904:TKY720909 TBC720904:TBC720909 SRG720904:SRG720909 SHK720904:SHK720909 RXO720904:RXO720909 RNS720904:RNS720909 RDW720904:RDW720909 QUA720904:QUA720909 QKE720904:QKE720909 QAI720904:QAI720909 PQM720904:PQM720909 PGQ720904:PGQ720909 OWU720904:OWU720909 OMY720904:OMY720909 ODC720904:ODC720909 NTG720904:NTG720909 NJK720904:NJK720909 MZO720904:MZO720909 MPS720904:MPS720909 MFW720904:MFW720909 LWA720904:LWA720909 LME720904:LME720909 LCI720904:LCI720909 KSM720904:KSM720909 KIQ720904:KIQ720909 JYU720904:JYU720909 JOY720904:JOY720909 JFC720904:JFC720909 IVG720904:IVG720909 ILK720904:ILK720909 IBO720904:IBO720909 HRS720904:HRS720909 HHW720904:HHW720909 GYA720904:GYA720909 GOE720904:GOE720909 GEI720904:GEI720909 FUM720904:FUM720909 FKQ720904:FKQ720909 FAU720904:FAU720909 EQY720904:EQY720909 EHC720904:EHC720909 DXG720904:DXG720909 DNK720904:DNK720909 DDO720904:DDO720909 CTS720904:CTS720909 CJW720904:CJW720909 CAA720904:CAA720909 BQE720904:BQE720909 BGI720904:BGI720909 AWM720904:AWM720909 AMQ720904:AMQ720909 ACU720904:ACU720909 SY720904:SY720909 JC720904:JC720909 G720904:G720909 WVO655368:WVO655373 WLS655368:WLS655373 WBW655368:WBW655373 VSA655368:VSA655373 VIE655368:VIE655373 UYI655368:UYI655373 UOM655368:UOM655373 UEQ655368:UEQ655373 TUU655368:TUU655373 TKY655368:TKY655373 TBC655368:TBC655373 SRG655368:SRG655373 SHK655368:SHK655373 RXO655368:RXO655373 RNS655368:RNS655373 RDW655368:RDW655373 QUA655368:QUA655373 QKE655368:QKE655373 QAI655368:QAI655373 PQM655368:PQM655373 PGQ655368:PGQ655373 OWU655368:OWU655373 OMY655368:OMY655373 ODC655368:ODC655373 NTG655368:NTG655373 NJK655368:NJK655373 MZO655368:MZO655373 MPS655368:MPS655373 MFW655368:MFW655373 LWA655368:LWA655373 LME655368:LME655373 LCI655368:LCI655373 KSM655368:KSM655373 KIQ655368:KIQ655373 JYU655368:JYU655373 JOY655368:JOY655373 JFC655368:JFC655373 IVG655368:IVG655373 ILK655368:ILK655373 IBO655368:IBO655373 HRS655368:HRS655373 HHW655368:HHW655373 GYA655368:GYA655373 GOE655368:GOE655373 GEI655368:GEI655373 FUM655368:FUM655373 FKQ655368:FKQ655373 FAU655368:FAU655373 EQY655368:EQY655373 EHC655368:EHC655373 DXG655368:DXG655373 DNK655368:DNK655373 DDO655368:DDO655373 CTS655368:CTS655373 CJW655368:CJW655373 CAA655368:CAA655373 BQE655368:BQE655373 BGI655368:BGI655373 AWM655368:AWM655373 AMQ655368:AMQ655373 ACU655368:ACU655373 SY655368:SY655373 JC655368:JC655373 G655368:G655373 WVO589832:WVO589837 WLS589832:WLS589837 WBW589832:WBW589837 VSA589832:VSA589837 VIE589832:VIE589837 UYI589832:UYI589837 UOM589832:UOM589837 UEQ589832:UEQ589837 TUU589832:TUU589837 TKY589832:TKY589837 TBC589832:TBC589837 SRG589832:SRG589837 SHK589832:SHK589837 RXO589832:RXO589837 RNS589832:RNS589837 RDW589832:RDW589837 QUA589832:QUA589837 QKE589832:QKE589837 QAI589832:QAI589837 PQM589832:PQM589837 PGQ589832:PGQ589837 OWU589832:OWU589837 OMY589832:OMY589837 ODC589832:ODC589837 NTG589832:NTG589837 NJK589832:NJK589837 MZO589832:MZO589837 MPS589832:MPS589837 MFW589832:MFW589837 LWA589832:LWA589837 LME589832:LME589837 LCI589832:LCI589837 KSM589832:KSM589837 KIQ589832:KIQ589837 JYU589832:JYU589837 JOY589832:JOY589837 JFC589832:JFC589837 IVG589832:IVG589837 ILK589832:ILK589837 IBO589832:IBO589837 HRS589832:HRS589837 HHW589832:HHW589837 GYA589832:GYA589837 GOE589832:GOE589837 GEI589832:GEI589837 FUM589832:FUM589837 FKQ589832:FKQ589837 FAU589832:FAU589837 EQY589832:EQY589837 EHC589832:EHC589837 DXG589832:DXG589837 DNK589832:DNK589837 DDO589832:DDO589837 CTS589832:CTS589837 CJW589832:CJW589837 CAA589832:CAA589837 BQE589832:BQE589837 BGI589832:BGI589837 AWM589832:AWM589837 AMQ589832:AMQ589837 ACU589832:ACU589837 SY589832:SY589837 JC589832:JC589837 G589832:G589837 WVO524296:WVO524301 WLS524296:WLS524301 WBW524296:WBW524301 VSA524296:VSA524301 VIE524296:VIE524301 UYI524296:UYI524301 UOM524296:UOM524301 UEQ524296:UEQ524301 TUU524296:TUU524301 TKY524296:TKY524301 TBC524296:TBC524301 SRG524296:SRG524301 SHK524296:SHK524301 RXO524296:RXO524301 RNS524296:RNS524301 RDW524296:RDW524301 QUA524296:QUA524301 QKE524296:QKE524301 QAI524296:QAI524301 PQM524296:PQM524301 PGQ524296:PGQ524301 OWU524296:OWU524301 OMY524296:OMY524301 ODC524296:ODC524301 NTG524296:NTG524301 NJK524296:NJK524301 MZO524296:MZO524301 MPS524296:MPS524301 MFW524296:MFW524301 LWA524296:LWA524301 LME524296:LME524301 LCI524296:LCI524301 KSM524296:KSM524301 KIQ524296:KIQ524301 JYU524296:JYU524301 JOY524296:JOY524301 JFC524296:JFC524301 IVG524296:IVG524301 ILK524296:ILK524301 IBO524296:IBO524301 HRS524296:HRS524301 HHW524296:HHW524301 GYA524296:GYA524301 GOE524296:GOE524301 GEI524296:GEI524301 FUM524296:FUM524301 FKQ524296:FKQ524301 FAU524296:FAU524301 EQY524296:EQY524301 EHC524296:EHC524301 DXG524296:DXG524301 DNK524296:DNK524301 DDO524296:DDO524301 CTS524296:CTS524301 CJW524296:CJW524301 CAA524296:CAA524301 BQE524296:BQE524301 BGI524296:BGI524301 AWM524296:AWM524301 AMQ524296:AMQ524301 ACU524296:ACU524301 SY524296:SY524301 JC524296:JC524301 G524296:G524301 WVO458760:WVO458765 WLS458760:WLS458765 WBW458760:WBW458765 VSA458760:VSA458765 VIE458760:VIE458765 UYI458760:UYI458765 UOM458760:UOM458765 UEQ458760:UEQ458765 TUU458760:TUU458765 TKY458760:TKY458765 TBC458760:TBC458765 SRG458760:SRG458765 SHK458760:SHK458765 RXO458760:RXO458765 RNS458760:RNS458765 RDW458760:RDW458765 QUA458760:QUA458765 QKE458760:QKE458765 QAI458760:QAI458765 PQM458760:PQM458765 PGQ458760:PGQ458765 OWU458760:OWU458765 OMY458760:OMY458765 ODC458760:ODC458765 NTG458760:NTG458765 NJK458760:NJK458765 MZO458760:MZO458765 MPS458760:MPS458765 MFW458760:MFW458765 LWA458760:LWA458765 LME458760:LME458765 LCI458760:LCI458765 KSM458760:KSM458765 KIQ458760:KIQ458765 JYU458760:JYU458765 JOY458760:JOY458765 JFC458760:JFC458765 IVG458760:IVG458765 ILK458760:ILK458765 IBO458760:IBO458765 HRS458760:HRS458765 HHW458760:HHW458765 GYA458760:GYA458765 GOE458760:GOE458765 GEI458760:GEI458765 FUM458760:FUM458765 FKQ458760:FKQ458765 FAU458760:FAU458765 EQY458760:EQY458765 EHC458760:EHC458765 DXG458760:DXG458765 DNK458760:DNK458765 DDO458760:DDO458765 CTS458760:CTS458765 CJW458760:CJW458765 CAA458760:CAA458765 BQE458760:BQE458765 BGI458760:BGI458765 AWM458760:AWM458765 AMQ458760:AMQ458765 ACU458760:ACU458765 SY458760:SY458765 JC458760:JC458765 G458760:G458765 WVO393224:WVO393229 WLS393224:WLS393229 WBW393224:WBW393229 VSA393224:VSA393229 VIE393224:VIE393229 UYI393224:UYI393229 UOM393224:UOM393229 UEQ393224:UEQ393229 TUU393224:TUU393229 TKY393224:TKY393229 TBC393224:TBC393229 SRG393224:SRG393229 SHK393224:SHK393229 RXO393224:RXO393229 RNS393224:RNS393229 RDW393224:RDW393229 QUA393224:QUA393229 QKE393224:QKE393229 QAI393224:QAI393229 PQM393224:PQM393229 PGQ393224:PGQ393229 OWU393224:OWU393229 OMY393224:OMY393229 ODC393224:ODC393229 NTG393224:NTG393229 NJK393224:NJK393229 MZO393224:MZO393229 MPS393224:MPS393229 MFW393224:MFW393229 LWA393224:LWA393229 LME393224:LME393229 LCI393224:LCI393229 KSM393224:KSM393229 KIQ393224:KIQ393229 JYU393224:JYU393229 JOY393224:JOY393229 JFC393224:JFC393229 IVG393224:IVG393229 ILK393224:ILK393229 IBO393224:IBO393229 HRS393224:HRS393229 HHW393224:HHW393229 GYA393224:GYA393229 GOE393224:GOE393229 GEI393224:GEI393229 FUM393224:FUM393229 FKQ393224:FKQ393229 FAU393224:FAU393229 EQY393224:EQY393229 EHC393224:EHC393229 DXG393224:DXG393229 DNK393224:DNK393229 DDO393224:DDO393229 CTS393224:CTS393229 CJW393224:CJW393229 CAA393224:CAA393229 BQE393224:BQE393229 BGI393224:BGI393229 AWM393224:AWM393229 AMQ393224:AMQ393229 ACU393224:ACU393229 SY393224:SY393229 JC393224:JC393229 G393224:G393229 WVO327688:WVO327693 WLS327688:WLS327693 WBW327688:WBW327693 VSA327688:VSA327693 VIE327688:VIE327693 UYI327688:UYI327693 UOM327688:UOM327693 UEQ327688:UEQ327693 TUU327688:TUU327693 TKY327688:TKY327693 TBC327688:TBC327693 SRG327688:SRG327693 SHK327688:SHK327693 RXO327688:RXO327693 RNS327688:RNS327693 RDW327688:RDW327693 QUA327688:QUA327693 QKE327688:QKE327693 QAI327688:QAI327693 PQM327688:PQM327693 PGQ327688:PGQ327693 OWU327688:OWU327693 OMY327688:OMY327693 ODC327688:ODC327693 NTG327688:NTG327693 NJK327688:NJK327693 MZO327688:MZO327693 MPS327688:MPS327693 MFW327688:MFW327693 LWA327688:LWA327693 LME327688:LME327693 LCI327688:LCI327693 KSM327688:KSM327693 KIQ327688:KIQ327693 JYU327688:JYU327693 JOY327688:JOY327693 JFC327688:JFC327693 IVG327688:IVG327693 ILK327688:ILK327693 IBO327688:IBO327693 HRS327688:HRS327693 HHW327688:HHW327693 GYA327688:GYA327693 GOE327688:GOE327693 GEI327688:GEI327693 FUM327688:FUM327693 FKQ327688:FKQ327693 FAU327688:FAU327693 EQY327688:EQY327693 EHC327688:EHC327693 DXG327688:DXG327693 DNK327688:DNK327693 DDO327688:DDO327693 CTS327688:CTS327693 CJW327688:CJW327693 CAA327688:CAA327693 BQE327688:BQE327693 BGI327688:BGI327693 AWM327688:AWM327693 AMQ327688:AMQ327693 ACU327688:ACU327693 SY327688:SY327693 JC327688:JC327693 G327688:G327693 WVO262152:WVO262157 WLS262152:WLS262157 WBW262152:WBW262157 VSA262152:VSA262157 VIE262152:VIE262157 UYI262152:UYI262157 UOM262152:UOM262157 UEQ262152:UEQ262157 TUU262152:TUU262157 TKY262152:TKY262157 TBC262152:TBC262157 SRG262152:SRG262157 SHK262152:SHK262157 RXO262152:RXO262157 RNS262152:RNS262157 RDW262152:RDW262157 QUA262152:QUA262157 QKE262152:QKE262157 QAI262152:QAI262157 PQM262152:PQM262157 PGQ262152:PGQ262157 OWU262152:OWU262157 OMY262152:OMY262157 ODC262152:ODC262157 NTG262152:NTG262157 NJK262152:NJK262157 MZO262152:MZO262157 MPS262152:MPS262157 MFW262152:MFW262157 LWA262152:LWA262157 LME262152:LME262157 LCI262152:LCI262157 KSM262152:KSM262157 KIQ262152:KIQ262157 JYU262152:JYU262157 JOY262152:JOY262157 JFC262152:JFC262157 IVG262152:IVG262157 ILK262152:ILK262157 IBO262152:IBO262157 HRS262152:HRS262157 HHW262152:HHW262157 GYA262152:GYA262157 GOE262152:GOE262157 GEI262152:GEI262157 FUM262152:FUM262157 FKQ262152:FKQ262157 FAU262152:FAU262157 EQY262152:EQY262157 EHC262152:EHC262157 DXG262152:DXG262157 DNK262152:DNK262157 DDO262152:DDO262157 CTS262152:CTS262157 CJW262152:CJW262157 CAA262152:CAA262157 BQE262152:BQE262157 BGI262152:BGI262157 AWM262152:AWM262157 AMQ262152:AMQ262157 ACU262152:ACU262157 SY262152:SY262157 JC262152:JC262157 G262152:G262157 WVO196616:WVO196621 WLS196616:WLS196621 WBW196616:WBW196621 VSA196616:VSA196621 VIE196616:VIE196621 UYI196616:UYI196621 UOM196616:UOM196621 UEQ196616:UEQ196621 TUU196616:TUU196621 TKY196616:TKY196621 TBC196616:TBC196621 SRG196616:SRG196621 SHK196616:SHK196621 RXO196616:RXO196621 RNS196616:RNS196621 RDW196616:RDW196621 QUA196616:QUA196621 QKE196616:QKE196621 QAI196616:QAI196621 PQM196616:PQM196621 PGQ196616:PGQ196621 OWU196616:OWU196621 OMY196616:OMY196621 ODC196616:ODC196621 NTG196616:NTG196621 NJK196616:NJK196621 MZO196616:MZO196621 MPS196616:MPS196621 MFW196616:MFW196621 LWA196616:LWA196621 LME196616:LME196621 LCI196616:LCI196621 KSM196616:KSM196621 KIQ196616:KIQ196621 JYU196616:JYU196621 JOY196616:JOY196621 JFC196616:JFC196621 IVG196616:IVG196621 ILK196616:ILK196621 IBO196616:IBO196621 HRS196616:HRS196621 HHW196616:HHW196621 GYA196616:GYA196621 GOE196616:GOE196621 GEI196616:GEI196621 FUM196616:FUM196621 FKQ196616:FKQ196621 FAU196616:FAU196621 EQY196616:EQY196621 EHC196616:EHC196621 DXG196616:DXG196621 DNK196616:DNK196621 DDO196616:DDO196621 CTS196616:CTS196621 CJW196616:CJW196621 CAA196616:CAA196621 BQE196616:BQE196621 BGI196616:BGI196621 AWM196616:AWM196621 AMQ196616:AMQ196621 ACU196616:ACU196621 SY196616:SY196621 JC196616:JC196621 G196616:G196621 WVO131080:WVO131085 WLS131080:WLS131085 WBW131080:WBW131085 VSA131080:VSA131085 VIE131080:VIE131085 UYI131080:UYI131085 UOM131080:UOM131085 UEQ131080:UEQ131085 TUU131080:TUU131085 TKY131080:TKY131085 TBC131080:TBC131085 SRG131080:SRG131085 SHK131080:SHK131085 RXO131080:RXO131085 RNS131080:RNS131085 RDW131080:RDW131085 QUA131080:QUA131085 QKE131080:QKE131085 QAI131080:QAI131085 PQM131080:PQM131085 PGQ131080:PGQ131085 OWU131080:OWU131085 OMY131080:OMY131085 ODC131080:ODC131085 NTG131080:NTG131085 NJK131080:NJK131085 MZO131080:MZO131085 MPS131080:MPS131085 MFW131080:MFW131085 LWA131080:LWA131085 LME131080:LME131085 LCI131080:LCI131085 KSM131080:KSM131085 KIQ131080:KIQ131085 JYU131080:JYU131085 JOY131080:JOY131085 JFC131080:JFC131085 IVG131080:IVG131085 ILK131080:ILK131085 IBO131080:IBO131085 HRS131080:HRS131085 HHW131080:HHW131085 GYA131080:GYA131085 GOE131080:GOE131085 GEI131080:GEI131085 FUM131080:FUM131085 FKQ131080:FKQ131085 FAU131080:FAU131085 EQY131080:EQY131085 EHC131080:EHC131085 DXG131080:DXG131085 DNK131080:DNK131085 DDO131080:DDO131085 CTS131080:CTS131085 CJW131080:CJW131085 CAA131080:CAA131085 BQE131080:BQE131085 BGI131080:BGI131085 AWM131080:AWM131085 AMQ131080:AMQ131085 ACU131080:ACU131085 SY131080:SY131085 JC131080:JC131085 G131080:G131085 WVO65544:WVO65549 WLS65544:WLS65549 WBW65544:WBW65549 VSA65544:VSA65549 VIE65544:VIE65549 UYI65544:UYI65549 UOM65544:UOM65549 UEQ65544:UEQ65549 TUU65544:TUU65549 TKY65544:TKY65549 TBC65544:TBC65549 SRG65544:SRG65549 SHK65544:SHK65549 RXO65544:RXO65549 RNS65544:RNS65549 RDW65544:RDW65549 QUA65544:QUA65549 QKE65544:QKE65549 QAI65544:QAI65549 PQM65544:PQM65549 PGQ65544:PGQ65549 OWU65544:OWU65549 OMY65544:OMY65549 ODC65544:ODC65549 NTG65544:NTG65549 NJK65544:NJK65549 MZO65544:MZO65549 MPS65544:MPS65549 MFW65544:MFW65549 LWA65544:LWA65549 LME65544:LME65549 LCI65544:LCI65549 KSM65544:KSM65549 KIQ65544:KIQ65549 JYU65544:JYU65549 JOY65544:JOY65549 JFC65544:JFC65549 IVG65544:IVG65549 ILK65544:ILK65549 IBO65544:IBO65549 HRS65544:HRS65549 HHW65544:HHW65549 GYA65544:GYA65549 GOE65544:GOE65549 GEI65544:GEI65549 FUM65544:FUM65549 FKQ65544:FKQ65549 FAU65544:FAU65549 EQY65544:EQY65549 EHC65544:EHC65549 DXG65544:DXG65549 DNK65544:DNK65549 DDO65544:DDO65549 CTS65544:CTS65549 CJW65544:CJW65549 CAA65544:CAA65549 BQE65544:BQE65549 BGI65544:BGI65549 AWM65544:AWM65549 AMQ65544:AMQ65549 ACU65544:ACU65549 SY65544:SY65549 JC65544:JC65549 G65544:G65549 WVF8:WVF13 WLJ8:WLJ13 WBN8:WBN13 VRR8:VRR13 VHV8:VHV13 UXZ8:UXZ13 UOD8:UOD13 UEH8:UEH13 TUL8:TUL13 TKP8:TKP13 TAT8:TAT13 SQX8:SQX13 SHB8:SHB13 RXF8:RXF13 RNJ8:RNJ13 RDN8:RDN13 QTR8:QTR13 QJV8:QJV13 PZZ8:PZZ13 PQD8:PQD13 PGH8:PGH13 OWL8:OWL13 OMP8:OMP13 OCT8:OCT13 NSX8:NSX13 NJB8:NJB13 MZF8:MZF13 MPJ8:MPJ13 MFN8:MFN13 LVR8:LVR13 LLV8:LLV13 LBZ8:LBZ13 KSD8:KSD13 KIH8:KIH13 JYL8:JYL13 JOP8:JOP13 JET8:JET13 IUX8:IUX13 ILB8:ILB13 IBF8:IBF13 HRJ8:HRJ13 HHN8:HHN13 GXR8:GXR13 GNV8:GNV13 GDZ8:GDZ13 FUD8:FUD13 FKH8:FKH13 FAL8:FAL13 EQP8:EQP13 EGT8:EGT13 DWX8:DWX13 DNB8:DNB13 DDF8:DDF13 CTJ8:CTJ13 CJN8:CJN13 BZR8:BZR13 BPV8:BPV13 BFZ8:BFZ13 AWD8:AWD13 AMH8:AMH13 ACL8:ACL13 SP8:SP13 IT8:IT13" xr:uid="{C71B034F-6EFA-40A4-A50D-7FDAA81797D6}">
      <formula1>$I$1</formula1>
    </dataValidation>
  </dataValidations>
  <pageMargins left="0.7" right="0.7" top="0.75" bottom="0.75" header="0.3" footer="0.3"/>
  <pageSetup paperSize="9" scale="96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DD89175-78FF-45DB-A7C2-AD40A91BE5C6}">
  <sheetPr>
    <tabColor rgb="FFFF0000"/>
  </sheetPr>
  <dimension ref="A1:J17"/>
  <sheetViews>
    <sheetView view="pageBreakPreview" topLeftCell="A9" zoomScaleNormal="100" zoomScaleSheetLayoutView="100" workbookViewId="0">
      <selection activeCell="A10" sqref="A10:F10"/>
    </sheetView>
  </sheetViews>
  <sheetFormatPr defaultColWidth="8.09765625" defaultRowHeight="12" x14ac:dyDescent="0.15"/>
  <cols>
    <col min="1" max="1" width="11.5" style="66" customWidth="1"/>
    <col min="2" max="2" width="11.3984375" style="66" customWidth="1"/>
    <col min="3" max="3" width="13.296875" style="66" customWidth="1"/>
    <col min="4" max="4" width="5.296875" style="66" customWidth="1"/>
    <col min="5" max="5" width="6.8984375" style="66" customWidth="1"/>
    <col min="6" max="6" width="4.59765625" style="66" customWidth="1"/>
    <col min="7" max="8" width="7.796875" style="66" customWidth="1"/>
    <col min="9" max="9" width="11.5" style="66" customWidth="1"/>
    <col min="10" max="10" width="11.3984375" style="66" customWidth="1"/>
    <col min="11" max="11" width="12.296875" style="66" customWidth="1"/>
    <col min="12" max="12" width="5.296875" style="66" customWidth="1"/>
    <col min="13" max="13" width="6.8984375" style="66" customWidth="1"/>
    <col min="14" max="14" width="4.59765625" style="66" customWidth="1"/>
    <col min="15" max="16" width="7.796875" style="66" customWidth="1"/>
    <col min="17" max="16384" width="8.09765625" style="66"/>
  </cols>
  <sheetData>
    <row r="1" spans="1:10" ht="45" customHeight="1" thickBot="1" x14ac:dyDescent="0.2">
      <c r="A1" s="98" t="s">
        <v>71</v>
      </c>
      <c r="B1" s="98"/>
      <c r="C1" s="98"/>
      <c r="D1" s="98"/>
      <c r="E1" s="98"/>
      <c r="F1" s="98"/>
      <c r="G1" s="98"/>
      <c r="H1" s="98"/>
      <c r="J1" s="77" t="s">
        <v>70</v>
      </c>
    </row>
    <row r="2" spans="1:10" ht="21.9" customHeight="1" x14ac:dyDescent="0.15">
      <c r="A2" s="99" t="s">
        <v>69</v>
      </c>
      <c r="B2" s="101"/>
      <c r="C2" s="102"/>
      <c r="D2" s="103"/>
      <c r="E2" s="104" t="s">
        <v>68</v>
      </c>
      <c r="F2" s="105"/>
      <c r="G2" s="108"/>
      <c r="H2" s="109"/>
    </row>
    <row r="3" spans="1:10" ht="21.9" customHeight="1" x14ac:dyDescent="0.15">
      <c r="A3" s="100"/>
      <c r="B3" s="112"/>
      <c r="C3" s="113"/>
      <c r="D3" s="114"/>
      <c r="E3" s="106"/>
      <c r="F3" s="107"/>
      <c r="G3" s="110"/>
      <c r="H3" s="111"/>
    </row>
    <row r="4" spans="1:10" ht="45" customHeight="1" x14ac:dyDescent="0.15">
      <c r="A4" s="76" t="s">
        <v>67</v>
      </c>
      <c r="B4" s="88"/>
      <c r="C4" s="89"/>
      <c r="D4" s="89"/>
      <c r="E4" s="89"/>
      <c r="F4" s="89"/>
      <c r="G4" s="89"/>
      <c r="H4" s="90"/>
    </row>
    <row r="5" spans="1:10" ht="45" customHeight="1" thickBot="1" x14ac:dyDescent="0.2">
      <c r="A5" s="75" t="s">
        <v>66</v>
      </c>
      <c r="B5" s="91" t="s">
        <v>65</v>
      </c>
      <c r="C5" s="92"/>
      <c r="D5" s="91" t="s">
        <v>64</v>
      </c>
      <c r="E5" s="92"/>
      <c r="F5" s="91"/>
      <c r="G5" s="93"/>
      <c r="H5" s="94"/>
    </row>
    <row r="6" spans="1:10" ht="45" customHeight="1" thickBot="1" x14ac:dyDescent="0.2">
      <c r="A6" s="74"/>
      <c r="B6" s="74"/>
      <c r="C6" s="74"/>
      <c r="D6" s="74"/>
      <c r="E6" s="74"/>
      <c r="F6" s="74"/>
      <c r="G6" s="74"/>
      <c r="H6" s="74"/>
    </row>
    <row r="7" spans="1:10" ht="45" customHeight="1" x14ac:dyDescent="0.15">
      <c r="A7" s="95" t="s">
        <v>63</v>
      </c>
      <c r="B7" s="96"/>
      <c r="C7" s="96"/>
      <c r="D7" s="96"/>
      <c r="E7" s="96"/>
      <c r="F7" s="97"/>
      <c r="G7" s="73" t="s">
        <v>62</v>
      </c>
      <c r="H7" s="72" t="s">
        <v>61</v>
      </c>
    </row>
    <row r="8" spans="1:10" ht="45" customHeight="1" x14ac:dyDescent="0.15">
      <c r="A8" s="84" t="s">
        <v>60</v>
      </c>
      <c r="B8" s="85"/>
      <c r="C8" s="85"/>
      <c r="D8" s="85"/>
      <c r="E8" s="85"/>
      <c r="F8" s="86"/>
      <c r="G8" s="70"/>
      <c r="H8" s="71"/>
    </row>
    <row r="9" spans="1:10" ht="45" customHeight="1" x14ac:dyDescent="0.15">
      <c r="A9" s="84" t="s">
        <v>78</v>
      </c>
      <c r="B9" s="85"/>
      <c r="C9" s="85"/>
      <c r="D9" s="85"/>
      <c r="E9" s="85"/>
      <c r="F9" s="86"/>
      <c r="G9" s="70"/>
      <c r="H9" s="71"/>
    </row>
    <row r="10" spans="1:10" ht="45" customHeight="1" x14ac:dyDescent="0.15">
      <c r="A10" s="84" t="s">
        <v>13</v>
      </c>
      <c r="B10" s="85"/>
      <c r="C10" s="85"/>
      <c r="D10" s="85"/>
      <c r="E10" s="85"/>
      <c r="F10" s="86"/>
      <c r="G10" s="70"/>
      <c r="H10" s="71"/>
    </row>
    <row r="11" spans="1:10" ht="45" customHeight="1" x14ac:dyDescent="0.15">
      <c r="A11" s="87" t="s">
        <v>59</v>
      </c>
      <c r="B11" s="85"/>
      <c r="C11" s="85"/>
      <c r="D11" s="85"/>
      <c r="E11" s="85"/>
      <c r="F11" s="86"/>
      <c r="G11" s="70"/>
      <c r="H11" s="71"/>
    </row>
    <row r="12" spans="1:10" ht="45" customHeight="1" x14ac:dyDescent="0.15">
      <c r="A12" s="87" t="s">
        <v>58</v>
      </c>
      <c r="B12" s="85"/>
      <c r="C12" s="85"/>
      <c r="D12" s="85"/>
      <c r="E12" s="85"/>
      <c r="F12" s="86"/>
      <c r="G12" s="70"/>
      <c r="H12" s="71"/>
    </row>
    <row r="13" spans="1:10" ht="45" customHeight="1" x14ac:dyDescent="0.15">
      <c r="A13" s="87" t="s">
        <v>57</v>
      </c>
      <c r="B13" s="85"/>
      <c r="C13" s="85"/>
      <c r="D13" s="85"/>
      <c r="E13" s="85"/>
      <c r="F13" s="86"/>
      <c r="G13" s="70"/>
      <c r="H13" s="69"/>
    </row>
    <row r="14" spans="1:10" ht="45" customHeight="1" thickBot="1" x14ac:dyDescent="0.2">
      <c r="A14" s="79" t="s">
        <v>56</v>
      </c>
      <c r="B14" s="80"/>
      <c r="C14" s="80"/>
      <c r="D14" s="80"/>
      <c r="E14" s="80"/>
      <c r="F14" s="81"/>
      <c r="G14" s="68"/>
      <c r="H14" s="67"/>
    </row>
    <row r="15" spans="1:10" ht="45" customHeight="1" x14ac:dyDescent="0.15">
      <c r="A15" s="82" t="s">
        <v>55</v>
      </c>
      <c r="B15" s="82"/>
      <c r="C15" s="82"/>
      <c r="D15" s="82"/>
      <c r="E15" s="82"/>
      <c r="F15" s="82"/>
      <c r="G15" s="82"/>
      <c r="H15" s="82"/>
    </row>
    <row r="16" spans="1:10" ht="45" customHeight="1" x14ac:dyDescent="0.15">
      <c r="A16" s="83"/>
      <c r="B16" s="83"/>
      <c r="C16" s="83"/>
      <c r="D16" s="83"/>
      <c r="E16" s="83"/>
      <c r="F16" s="83"/>
      <c r="G16" s="83"/>
      <c r="H16" s="83"/>
    </row>
    <row r="17" spans="1:8" ht="45" customHeight="1" x14ac:dyDescent="0.15">
      <c r="A17" s="83"/>
      <c r="B17" s="83"/>
      <c r="C17" s="83"/>
      <c r="D17" s="83"/>
      <c r="E17" s="83"/>
      <c r="F17" s="83"/>
      <c r="G17" s="83"/>
      <c r="H17" s="83"/>
    </row>
  </sheetData>
  <mergeCells count="19">
    <mergeCell ref="A1:H1"/>
    <mergeCell ref="A2:A3"/>
    <mergeCell ref="B2:D2"/>
    <mergeCell ref="E2:F3"/>
    <mergeCell ref="G2:H3"/>
    <mergeCell ref="B3:D3"/>
    <mergeCell ref="B4:H4"/>
    <mergeCell ref="B5:C5"/>
    <mergeCell ref="D5:E5"/>
    <mergeCell ref="F5:H5"/>
    <mergeCell ref="A7:F7"/>
    <mergeCell ref="A8:F8"/>
    <mergeCell ref="A15:H17"/>
    <mergeCell ref="A9:F9"/>
    <mergeCell ref="A10:F10"/>
    <mergeCell ref="A11:F11"/>
    <mergeCell ref="A12:F12"/>
    <mergeCell ref="A13:F13"/>
    <mergeCell ref="A14:F14"/>
  </mergeCells>
  <phoneticPr fontId="3"/>
  <dataValidations count="1">
    <dataValidation type="list" allowBlank="1" showInputMessage="1" showErrorMessage="1" sqref="IU8:IU13 WVW983048:WVW983054 WMA983048:WMA983054 WCE983048:WCE983054 VSI983048:VSI983054 VIM983048:VIM983054 UYQ983048:UYQ983054 UOU983048:UOU983054 UEY983048:UEY983054 TVC983048:TVC983054 TLG983048:TLG983054 TBK983048:TBK983054 SRO983048:SRO983054 SHS983048:SHS983054 RXW983048:RXW983054 ROA983048:ROA983054 REE983048:REE983054 QUI983048:QUI983054 QKM983048:QKM983054 QAQ983048:QAQ983054 PQU983048:PQU983054 PGY983048:PGY983054 OXC983048:OXC983054 ONG983048:ONG983054 ODK983048:ODK983054 NTO983048:NTO983054 NJS983048:NJS983054 MZW983048:MZW983054 MQA983048:MQA983054 MGE983048:MGE983054 LWI983048:LWI983054 LMM983048:LMM983054 LCQ983048:LCQ983054 KSU983048:KSU983054 KIY983048:KIY983054 JZC983048:JZC983054 JPG983048:JPG983054 JFK983048:JFK983054 IVO983048:IVO983054 ILS983048:ILS983054 IBW983048:IBW983054 HSA983048:HSA983054 HIE983048:HIE983054 GYI983048:GYI983054 GOM983048:GOM983054 GEQ983048:GEQ983054 FUU983048:FUU983054 FKY983048:FKY983054 FBC983048:FBC983054 ERG983048:ERG983054 EHK983048:EHK983054 DXO983048:DXO983054 DNS983048:DNS983054 DDW983048:DDW983054 CUA983048:CUA983054 CKE983048:CKE983054 CAI983048:CAI983054 BQM983048:BQM983054 BGQ983048:BGQ983054 AWU983048:AWU983054 AMY983048:AMY983054 ADC983048:ADC983054 TG983048:TG983054 JK983048:JK983054 O983048:O983054 WVW917512:WVW917518 WMA917512:WMA917518 WCE917512:WCE917518 VSI917512:VSI917518 VIM917512:VIM917518 UYQ917512:UYQ917518 UOU917512:UOU917518 UEY917512:UEY917518 TVC917512:TVC917518 TLG917512:TLG917518 TBK917512:TBK917518 SRO917512:SRO917518 SHS917512:SHS917518 RXW917512:RXW917518 ROA917512:ROA917518 REE917512:REE917518 QUI917512:QUI917518 QKM917512:QKM917518 QAQ917512:QAQ917518 PQU917512:PQU917518 PGY917512:PGY917518 OXC917512:OXC917518 ONG917512:ONG917518 ODK917512:ODK917518 NTO917512:NTO917518 NJS917512:NJS917518 MZW917512:MZW917518 MQA917512:MQA917518 MGE917512:MGE917518 LWI917512:LWI917518 LMM917512:LMM917518 LCQ917512:LCQ917518 KSU917512:KSU917518 KIY917512:KIY917518 JZC917512:JZC917518 JPG917512:JPG917518 JFK917512:JFK917518 IVO917512:IVO917518 ILS917512:ILS917518 IBW917512:IBW917518 HSA917512:HSA917518 HIE917512:HIE917518 GYI917512:GYI917518 GOM917512:GOM917518 GEQ917512:GEQ917518 FUU917512:FUU917518 FKY917512:FKY917518 FBC917512:FBC917518 ERG917512:ERG917518 EHK917512:EHK917518 DXO917512:DXO917518 DNS917512:DNS917518 DDW917512:DDW917518 CUA917512:CUA917518 CKE917512:CKE917518 CAI917512:CAI917518 BQM917512:BQM917518 BGQ917512:BGQ917518 AWU917512:AWU917518 AMY917512:AMY917518 ADC917512:ADC917518 TG917512:TG917518 JK917512:JK917518 O917512:O917518 WVW851976:WVW851982 WMA851976:WMA851982 WCE851976:WCE851982 VSI851976:VSI851982 VIM851976:VIM851982 UYQ851976:UYQ851982 UOU851976:UOU851982 UEY851976:UEY851982 TVC851976:TVC851982 TLG851976:TLG851982 TBK851976:TBK851982 SRO851976:SRO851982 SHS851976:SHS851982 RXW851976:RXW851982 ROA851976:ROA851982 REE851976:REE851982 QUI851976:QUI851982 QKM851976:QKM851982 QAQ851976:QAQ851982 PQU851976:PQU851982 PGY851976:PGY851982 OXC851976:OXC851982 ONG851976:ONG851982 ODK851976:ODK851982 NTO851976:NTO851982 NJS851976:NJS851982 MZW851976:MZW851982 MQA851976:MQA851982 MGE851976:MGE851982 LWI851976:LWI851982 LMM851976:LMM851982 LCQ851976:LCQ851982 KSU851976:KSU851982 KIY851976:KIY851982 JZC851976:JZC851982 JPG851976:JPG851982 JFK851976:JFK851982 IVO851976:IVO851982 ILS851976:ILS851982 IBW851976:IBW851982 HSA851976:HSA851982 HIE851976:HIE851982 GYI851976:GYI851982 GOM851976:GOM851982 GEQ851976:GEQ851982 FUU851976:FUU851982 FKY851976:FKY851982 FBC851976:FBC851982 ERG851976:ERG851982 EHK851976:EHK851982 DXO851976:DXO851982 DNS851976:DNS851982 DDW851976:DDW851982 CUA851976:CUA851982 CKE851976:CKE851982 CAI851976:CAI851982 BQM851976:BQM851982 BGQ851976:BGQ851982 AWU851976:AWU851982 AMY851976:AMY851982 ADC851976:ADC851982 TG851976:TG851982 JK851976:JK851982 O851976:O851982 WVW786440:WVW786446 WMA786440:WMA786446 WCE786440:WCE786446 VSI786440:VSI786446 VIM786440:VIM786446 UYQ786440:UYQ786446 UOU786440:UOU786446 UEY786440:UEY786446 TVC786440:TVC786446 TLG786440:TLG786446 TBK786440:TBK786446 SRO786440:SRO786446 SHS786440:SHS786446 RXW786440:RXW786446 ROA786440:ROA786446 REE786440:REE786446 QUI786440:QUI786446 QKM786440:QKM786446 QAQ786440:QAQ786446 PQU786440:PQU786446 PGY786440:PGY786446 OXC786440:OXC786446 ONG786440:ONG786446 ODK786440:ODK786446 NTO786440:NTO786446 NJS786440:NJS786446 MZW786440:MZW786446 MQA786440:MQA786446 MGE786440:MGE786446 LWI786440:LWI786446 LMM786440:LMM786446 LCQ786440:LCQ786446 KSU786440:KSU786446 KIY786440:KIY786446 JZC786440:JZC786446 JPG786440:JPG786446 JFK786440:JFK786446 IVO786440:IVO786446 ILS786440:ILS786446 IBW786440:IBW786446 HSA786440:HSA786446 HIE786440:HIE786446 GYI786440:GYI786446 GOM786440:GOM786446 GEQ786440:GEQ786446 FUU786440:FUU786446 FKY786440:FKY786446 FBC786440:FBC786446 ERG786440:ERG786446 EHK786440:EHK786446 DXO786440:DXO786446 DNS786440:DNS786446 DDW786440:DDW786446 CUA786440:CUA786446 CKE786440:CKE786446 CAI786440:CAI786446 BQM786440:BQM786446 BGQ786440:BGQ786446 AWU786440:AWU786446 AMY786440:AMY786446 ADC786440:ADC786446 TG786440:TG786446 JK786440:JK786446 O786440:O786446 WVW720904:WVW720910 WMA720904:WMA720910 WCE720904:WCE720910 VSI720904:VSI720910 VIM720904:VIM720910 UYQ720904:UYQ720910 UOU720904:UOU720910 UEY720904:UEY720910 TVC720904:TVC720910 TLG720904:TLG720910 TBK720904:TBK720910 SRO720904:SRO720910 SHS720904:SHS720910 RXW720904:RXW720910 ROA720904:ROA720910 REE720904:REE720910 QUI720904:QUI720910 QKM720904:QKM720910 QAQ720904:QAQ720910 PQU720904:PQU720910 PGY720904:PGY720910 OXC720904:OXC720910 ONG720904:ONG720910 ODK720904:ODK720910 NTO720904:NTO720910 NJS720904:NJS720910 MZW720904:MZW720910 MQA720904:MQA720910 MGE720904:MGE720910 LWI720904:LWI720910 LMM720904:LMM720910 LCQ720904:LCQ720910 KSU720904:KSU720910 KIY720904:KIY720910 JZC720904:JZC720910 JPG720904:JPG720910 JFK720904:JFK720910 IVO720904:IVO720910 ILS720904:ILS720910 IBW720904:IBW720910 HSA720904:HSA720910 HIE720904:HIE720910 GYI720904:GYI720910 GOM720904:GOM720910 GEQ720904:GEQ720910 FUU720904:FUU720910 FKY720904:FKY720910 FBC720904:FBC720910 ERG720904:ERG720910 EHK720904:EHK720910 DXO720904:DXO720910 DNS720904:DNS720910 DDW720904:DDW720910 CUA720904:CUA720910 CKE720904:CKE720910 CAI720904:CAI720910 BQM720904:BQM720910 BGQ720904:BGQ720910 AWU720904:AWU720910 AMY720904:AMY720910 ADC720904:ADC720910 TG720904:TG720910 JK720904:JK720910 O720904:O720910 WVW655368:WVW655374 WMA655368:WMA655374 WCE655368:WCE655374 VSI655368:VSI655374 VIM655368:VIM655374 UYQ655368:UYQ655374 UOU655368:UOU655374 UEY655368:UEY655374 TVC655368:TVC655374 TLG655368:TLG655374 TBK655368:TBK655374 SRO655368:SRO655374 SHS655368:SHS655374 RXW655368:RXW655374 ROA655368:ROA655374 REE655368:REE655374 QUI655368:QUI655374 QKM655368:QKM655374 QAQ655368:QAQ655374 PQU655368:PQU655374 PGY655368:PGY655374 OXC655368:OXC655374 ONG655368:ONG655374 ODK655368:ODK655374 NTO655368:NTO655374 NJS655368:NJS655374 MZW655368:MZW655374 MQA655368:MQA655374 MGE655368:MGE655374 LWI655368:LWI655374 LMM655368:LMM655374 LCQ655368:LCQ655374 KSU655368:KSU655374 KIY655368:KIY655374 JZC655368:JZC655374 JPG655368:JPG655374 JFK655368:JFK655374 IVO655368:IVO655374 ILS655368:ILS655374 IBW655368:IBW655374 HSA655368:HSA655374 HIE655368:HIE655374 GYI655368:GYI655374 GOM655368:GOM655374 GEQ655368:GEQ655374 FUU655368:FUU655374 FKY655368:FKY655374 FBC655368:FBC655374 ERG655368:ERG655374 EHK655368:EHK655374 DXO655368:DXO655374 DNS655368:DNS655374 DDW655368:DDW655374 CUA655368:CUA655374 CKE655368:CKE655374 CAI655368:CAI655374 BQM655368:BQM655374 BGQ655368:BGQ655374 AWU655368:AWU655374 AMY655368:AMY655374 ADC655368:ADC655374 TG655368:TG655374 JK655368:JK655374 O655368:O655374 WVW589832:WVW589838 WMA589832:WMA589838 WCE589832:WCE589838 VSI589832:VSI589838 VIM589832:VIM589838 UYQ589832:UYQ589838 UOU589832:UOU589838 UEY589832:UEY589838 TVC589832:TVC589838 TLG589832:TLG589838 TBK589832:TBK589838 SRO589832:SRO589838 SHS589832:SHS589838 RXW589832:RXW589838 ROA589832:ROA589838 REE589832:REE589838 QUI589832:QUI589838 QKM589832:QKM589838 QAQ589832:QAQ589838 PQU589832:PQU589838 PGY589832:PGY589838 OXC589832:OXC589838 ONG589832:ONG589838 ODK589832:ODK589838 NTO589832:NTO589838 NJS589832:NJS589838 MZW589832:MZW589838 MQA589832:MQA589838 MGE589832:MGE589838 LWI589832:LWI589838 LMM589832:LMM589838 LCQ589832:LCQ589838 KSU589832:KSU589838 KIY589832:KIY589838 JZC589832:JZC589838 JPG589832:JPG589838 JFK589832:JFK589838 IVO589832:IVO589838 ILS589832:ILS589838 IBW589832:IBW589838 HSA589832:HSA589838 HIE589832:HIE589838 GYI589832:GYI589838 GOM589832:GOM589838 GEQ589832:GEQ589838 FUU589832:FUU589838 FKY589832:FKY589838 FBC589832:FBC589838 ERG589832:ERG589838 EHK589832:EHK589838 DXO589832:DXO589838 DNS589832:DNS589838 DDW589832:DDW589838 CUA589832:CUA589838 CKE589832:CKE589838 CAI589832:CAI589838 BQM589832:BQM589838 BGQ589832:BGQ589838 AWU589832:AWU589838 AMY589832:AMY589838 ADC589832:ADC589838 TG589832:TG589838 JK589832:JK589838 O589832:O589838 WVW524296:WVW524302 WMA524296:WMA524302 WCE524296:WCE524302 VSI524296:VSI524302 VIM524296:VIM524302 UYQ524296:UYQ524302 UOU524296:UOU524302 UEY524296:UEY524302 TVC524296:TVC524302 TLG524296:TLG524302 TBK524296:TBK524302 SRO524296:SRO524302 SHS524296:SHS524302 RXW524296:RXW524302 ROA524296:ROA524302 REE524296:REE524302 QUI524296:QUI524302 QKM524296:QKM524302 QAQ524296:QAQ524302 PQU524296:PQU524302 PGY524296:PGY524302 OXC524296:OXC524302 ONG524296:ONG524302 ODK524296:ODK524302 NTO524296:NTO524302 NJS524296:NJS524302 MZW524296:MZW524302 MQA524296:MQA524302 MGE524296:MGE524302 LWI524296:LWI524302 LMM524296:LMM524302 LCQ524296:LCQ524302 KSU524296:KSU524302 KIY524296:KIY524302 JZC524296:JZC524302 JPG524296:JPG524302 JFK524296:JFK524302 IVO524296:IVO524302 ILS524296:ILS524302 IBW524296:IBW524302 HSA524296:HSA524302 HIE524296:HIE524302 GYI524296:GYI524302 GOM524296:GOM524302 GEQ524296:GEQ524302 FUU524296:FUU524302 FKY524296:FKY524302 FBC524296:FBC524302 ERG524296:ERG524302 EHK524296:EHK524302 DXO524296:DXO524302 DNS524296:DNS524302 DDW524296:DDW524302 CUA524296:CUA524302 CKE524296:CKE524302 CAI524296:CAI524302 BQM524296:BQM524302 BGQ524296:BGQ524302 AWU524296:AWU524302 AMY524296:AMY524302 ADC524296:ADC524302 TG524296:TG524302 JK524296:JK524302 O524296:O524302 WVW458760:WVW458766 WMA458760:WMA458766 WCE458760:WCE458766 VSI458760:VSI458766 VIM458760:VIM458766 UYQ458760:UYQ458766 UOU458760:UOU458766 UEY458760:UEY458766 TVC458760:TVC458766 TLG458760:TLG458766 TBK458760:TBK458766 SRO458760:SRO458766 SHS458760:SHS458766 RXW458760:RXW458766 ROA458760:ROA458766 REE458760:REE458766 QUI458760:QUI458766 QKM458760:QKM458766 QAQ458760:QAQ458766 PQU458760:PQU458766 PGY458760:PGY458766 OXC458760:OXC458766 ONG458760:ONG458766 ODK458760:ODK458766 NTO458760:NTO458766 NJS458760:NJS458766 MZW458760:MZW458766 MQA458760:MQA458766 MGE458760:MGE458766 LWI458760:LWI458766 LMM458760:LMM458766 LCQ458760:LCQ458766 KSU458760:KSU458766 KIY458760:KIY458766 JZC458760:JZC458766 JPG458760:JPG458766 JFK458760:JFK458766 IVO458760:IVO458766 ILS458760:ILS458766 IBW458760:IBW458766 HSA458760:HSA458766 HIE458760:HIE458766 GYI458760:GYI458766 GOM458760:GOM458766 GEQ458760:GEQ458766 FUU458760:FUU458766 FKY458760:FKY458766 FBC458760:FBC458766 ERG458760:ERG458766 EHK458760:EHK458766 DXO458760:DXO458766 DNS458760:DNS458766 DDW458760:DDW458766 CUA458760:CUA458766 CKE458760:CKE458766 CAI458760:CAI458766 BQM458760:BQM458766 BGQ458760:BGQ458766 AWU458760:AWU458766 AMY458760:AMY458766 ADC458760:ADC458766 TG458760:TG458766 JK458760:JK458766 O458760:O458766 WVW393224:WVW393230 WMA393224:WMA393230 WCE393224:WCE393230 VSI393224:VSI393230 VIM393224:VIM393230 UYQ393224:UYQ393230 UOU393224:UOU393230 UEY393224:UEY393230 TVC393224:TVC393230 TLG393224:TLG393230 TBK393224:TBK393230 SRO393224:SRO393230 SHS393224:SHS393230 RXW393224:RXW393230 ROA393224:ROA393230 REE393224:REE393230 QUI393224:QUI393230 QKM393224:QKM393230 QAQ393224:QAQ393230 PQU393224:PQU393230 PGY393224:PGY393230 OXC393224:OXC393230 ONG393224:ONG393230 ODK393224:ODK393230 NTO393224:NTO393230 NJS393224:NJS393230 MZW393224:MZW393230 MQA393224:MQA393230 MGE393224:MGE393230 LWI393224:LWI393230 LMM393224:LMM393230 LCQ393224:LCQ393230 KSU393224:KSU393230 KIY393224:KIY393230 JZC393224:JZC393230 JPG393224:JPG393230 JFK393224:JFK393230 IVO393224:IVO393230 ILS393224:ILS393230 IBW393224:IBW393230 HSA393224:HSA393230 HIE393224:HIE393230 GYI393224:GYI393230 GOM393224:GOM393230 GEQ393224:GEQ393230 FUU393224:FUU393230 FKY393224:FKY393230 FBC393224:FBC393230 ERG393224:ERG393230 EHK393224:EHK393230 DXO393224:DXO393230 DNS393224:DNS393230 DDW393224:DDW393230 CUA393224:CUA393230 CKE393224:CKE393230 CAI393224:CAI393230 BQM393224:BQM393230 BGQ393224:BGQ393230 AWU393224:AWU393230 AMY393224:AMY393230 ADC393224:ADC393230 TG393224:TG393230 JK393224:JK393230 O393224:O393230 WVW327688:WVW327694 WMA327688:WMA327694 WCE327688:WCE327694 VSI327688:VSI327694 VIM327688:VIM327694 UYQ327688:UYQ327694 UOU327688:UOU327694 UEY327688:UEY327694 TVC327688:TVC327694 TLG327688:TLG327694 TBK327688:TBK327694 SRO327688:SRO327694 SHS327688:SHS327694 RXW327688:RXW327694 ROA327688:ROA327694 REE327688:REE327694 QUI327688:QUI327694 QKM327688:QKM327694 QAQ327688:QAQ327694 PQU327688:PQU327694 PGY327688:PGY327694 OXC327688:OXC327694 ONG327688:ONG327694 ODK327688:ODK327694 NTO327688:NTO327694 NJS327688:NJS327694 MZW327688:MZW327694 MQA327688:MQA327694 MGE327688:MGE327694 LWI327688:LWI327694 LMM327688:LMM327694 LCQ327688:LCQ327694 KSU327688:KSU327694 KIY327688:KIY327694 JZC327688:JZC327694 JPG327688:JPG327694 JFK327688:JFK327694 IVO327688:IVO327694 ILS327688:ILS327694 IBW327688:IBW327694 HSA327688:HSA327694 HIE327688:HIE327694 GYI327688:GYI327694 GOM327688:GOM327694 GEQ327688:GEQ327694 FUU327688:FUU327694 FKY327688:FKY327694 FBC327688:FBC327694 ERG327688:ERG327694 EHK327688:EHK327694 DXO327688:DXO327694 DNS327688:DNS327694 DDW327688:DDW327694 CUA327688:CUA327694 CKE327688:CKE327694 CAI327688:CAI327694 BQM327688:BQM327694 BGQ327688:BGQ327694 AWU327688:AWU327694 AMY327688:AMY327694 ADC327688:ADC327694 TG327688:TG327694 JK327688:JK327694 O327688:O327694 WVW262152:WVW262158 WMA262152:WMA262158 WCE262152:WCE262158 VSI262152:VSI262158 VIM262152:VIM262158 UYQ262152:UYQ262158 UOU262152:UOU262158 UEY262152:UEY262158 TVC262152:TVC262158 TLG262152:TLG262158 TBK262152:TBK262158 SRO262152:SRO262158 SHS262152:SHS262158 RXW262152:RXW262158 ROA262152:ROA262158 REE262152:REE262158 QUI262152:QUI262158 QKM262152:QKM262158 QAQ262152:QAQ262158 PQU262152:PQU262158 PGY262152:PGY262158 OXC262152:OXC262158 ONG262152:ONG262158 ODK262152:ODK262158 NTO262152:NTO262158 NJS262152:NJS262158 MZW262152:MZW262158 MQA262152:MQA262158 MGE262152:MGE262158 LWI262152:LWI262158 LMM262152:LMM262158 LCQ262152:LCQ262158 KSU262152:KSU262158 KIY262152:KIY262158 JZC262152:JZC262158 JPG262152:JPG262158 JFK262152:JFK262158 IVO262152:IVO262158 ILS262152:ILS262158 IBW262152:IBW262158 HSA262152:HSA262158 HIE262152:HIE262158 GYI262152:GYI262158 GOM262152:GOM262158 GEQ262152:GEQ262158 FUU262152:FUU262158 FKY262152:FKY262158 FBC262152:FBC262158 ERG262152:ERG262158 EHK262152:EHK262158 DXO262152:DXO262158 DNS262152:DNS262158 DDW262152:DDW262158 CUA262152:CUA262158 CKE262152:CKE262158 CAI262152:CAI262158 BQM262152:BQM262158 BGQ262152:BGQ262158 AWU262152:AWU262158 AMY262152:AMY262158 ADC262152:ADC262158 TG262152:TG262158 JK262152:JK262158 O262152:O262158 WVW196616:WVW196622 WMA196616:WMA196622 WCE196616:WCE196622 VSI196616:VSI196622 VIM196616:VIM196622 UYQ196616:UYQ196622 UOU196616:UOU196622 UEY196616:UEY196622 TVC196616:TVC196622 TLG196616:TLG196622 TBK196616:TBK196622 SRO196616:SRO196622 SHS196616:SHS196622 RXW196616:RXW196622 ROA196616:ROA196622 REE196616:REE196622 QUI196616:QUI196622 QKM196616:QKM196622 QAQ196616:QAQ196622 PQU196616:PQU196622 PGY196616:PGY196622 OXC196616:OXC196622 ONG196616:ONG196622 ODK196616:ODK196622 NTO196616:NTO196622 NJS196616:NJS196622 MZW196616:MZW196622 MQA196616:MQA196622 MGE196616:MGE196622 LWI196616:LWI196622 LMM196616:LMM196622 LCQ196616:LCQ196622 KSU196616:KSU196622 KIY196616:KIY196622 JZC196616:JZC196622 JPG196616:JPG196622 JFK196616:JFK196622 IVO196616:IVO196622 ILS196616:ILS196622 IBW196616:IBW196622 HSA196616:HSA196622 HIE196616:HIE196622 GYI196616:GYI196622 GOM196616:GOM196622 GEQ196616:GEQ196622 FUU196616:FUU196622 FKY196616:FKY196622 FBC196616:FBC196622 ERG196616:ERG196622 EHK196616:EHK196622 DXO196616:DXO196622 DNS196616:DNS196622 DDW196616:DDW196622 CUA196616:CUA196622 CKE196616:CKE196622 CAI196616:CAI196622 BQM196616:BQM196622 BGQ196616:BGQ196622 AWU196616:AWU196622 AMY196616:AMY196622 ADC196616:ADC196622 TG196616:TG196622 JK196616:JK196622 O196616:O196622 WVW131080:WVW131086 WMA131080:WMA131086 WCE131080:WCE131086 VSI131080:VSI131086 VIM131080:VIM131086 UYQ131080:UYQ131086 UOU131080:UOU131086 UEY131080:UEY131086 TVC131080:TVC131086 TLG131080:TLG131086 TBK131080:TBK131086 SRO131080:SRO131086 SHS131080:SHS131086 RXW131080:RXW131086 ROA131080:ROA131086 REE131080:REE131086 QUI131080:QUI131086 QKM131080:QKM131086 QAQ131080:QAQ131086 PQU131080:PQU131086 PGY131080:PGY131086 OXC131080:OXC131086 ONG131080:ONG131086 ODK131080:ODK131086 NTO131080:NTO131086 NJS131080:NJS131086 MZW131080:MZW131086 MQA131080:MQA131086 MGE131080:MGE131086 LWI131080:LWI131086 LMM131080:LMM131086 LCQ131080:LCQ131086 KSU131080:KSU131086 KIY131080:KIY131086 JZC131080:JZC131086 JPG131080:JPG131086 JFK131080:JFK131086 IVO131080:IVO131086 ILS131080:ILS131086 IBW131080:IBW131086 HSA131080:HSA131086 HIE131080:HIE131086 GYI131080:GYI131086 GOM131080:GOM131086 GEQ131080:GEQ131086 FUU131080:FUU131086 FKY131080:FKY131086 FBC131080:FBC131086 ERG131080:ERG131086 EHK131080:EHK131086 DXO131080:DXO131086 DNS131080:DNS131086 DDW131080:DDW131086 CUA131080:CUA131086 CKE131080:CKE131086 CAI131080:CAI131086 BQM131080:BQM131086 BGQ131080:BGQ131086 AWU131080:AWU131086 AMY131080:AMY131086 ADC131080:ADC131086 TG131080:TG131086 JK131080:JK131086 O131080:O131086 WVW65544:WVW65550 WMA65544:WMA65550 WCE65544:WCE65550 VSI65544:VSI65550 VIM65544:VIM65550 UYQ65544:UYQ65550 UOU65544:UOU65550 UEY65544:UEY65550 TVC65544:TVC65550 TLG65544:TLG65550 TBK65544:TBK65550 SRO65544:SRO65550 SHS65544:SHS65550 RXW65544:RXW65550 ROA65544:ROA65550 REE65544:REE65550 QUI65544:QUI65550 QKM65544:QKM65550 QAQ65544:QAQ65550 PQU65544:PQU65550 PGY65544:PGY65550 OXC65544:OXC65550 ONG65544:ONG65550 ODK65544:ODK65550 NTO65544:NTO65550 NJS65544:NJS65550 MZW65544:MZW65550 MQA65544:MQA65550 MGE65544:MGE65550 LWI65544:LWI65550 LMM65544:LMM65550 LCQ65544:LCQ65550 KSU65544:KSU65550 KIY65544:KIY65550 JZC65544:JZC65550 JPG65544:JPG65550 JFK65544:JFK65550 IVO65544:IVO65550 ILS65544:ILS65550 IBW65544:IBW65550 HSA65544:HSA65550 HIE65544:HIE65550 GYI65544:GYI65550 GOM65544:GOM65550 GEQ65544:GEQ65550 FUU65544:FUU65550 FKY65544:FKY65550 FBC65544:FBC65550 ERG65544:ERG65550 EHK65544:EHK65550 DXO65544:DXO65550 DNS65544:DNS65550 DDW65544:DDW65550 CUA65544:CUA65550 CKE65544:CKE65550 CAI65544:CAI65550 BQM65544:BQM65550 BGQ65544:BGQ65550 AWU65544:AWU65550 AMY65544:AMY65550 ADC65544:ADC65550 TG65544:TG65550 JK65544:JK65550 O65544:O65550 WVO8:WVO14 WLS8:WLS14 WBW8:WBW14 VSA8:VSA14 VIE8:VIE14 UYI8:UYI14 UOM8:UOM14 UEQ8:UEQ14 TUU8:TUU14 TKY8:TKY14 TBC8:TBC14 SRG8:SRG14 SHK8:SHK14 RXO8:RXO14 RNS8:RNS14 RDW8:RDW14 QUA8:QUA14 QKE8:QKE14 QAI8:QAI14 PQM8:PQM14 PGQ8:PGQ14 OWU8:OWU14 OMY8:OMY14 ODC8:ODC14 NTG8:NTG14 NJK8:NJK14 MZO8:MZO14 MPS8:MPS14 MFW8:MFW14 LWA8:LWA14 LME8:LME14 LCI8:LCI14 KSM8:KSM14 KIQ8:KIQ14 JYU8:JYU14 JOY8:JOY14 JFC8:JFC14 IVG8:IVG14 ILK8:ILK14 IBO8:IBO14 HRS8:HRS14 HHW8:HHW14 GYA8:GYA14 GOE8:GOE14 GEI8:GEI14 FUM8:FUM14 FKQ8:FKQ14 FAU8:FAU14 EQY8:EQY14 EHC8:EHC14 DXG8:DXG14 DNK8:DNK14 DDO8:DDO14 CTS8:CTS14 CJW8:CJW14 CAA8:CAA14 BQE8:BQE14 BGI8:BGI14 AWM8:AWM14 AMQ8:AMQ14 ACU8:ACU14 SY8:SY14 JC8:JC14 G8:G14 WVO983048:WVO983053 WLS983048:WLS983053 WBW983048:WBW983053 VSA983048:VSA983053 VIE983048:VIE983053 UYI983048:UYI983053 UOM983048:UOM983053 UEQ983048:UEQ983053 TUU983048:TUU983053 TKY983048:TKY983053 TBC983048:TBC983053 SRG983048:SRG983053 SHK983048:SHK983053 RXO983048:RXO983053 RNS983048:RNS983053 RDW983048:RDW983053 QUA983048:QUA983053 QKE983048:QKE983053 QAI983048:QAI983053 PQM983048:PQM983053 PGQ983048:PGQ983053 OWU983048:OWU983053 OMY983048:OMY983053 ODC983048:ODC983053 NTG983048:NTG983053 NJK983048:NJK983053 MZO983048:MZO983053 MPS983048:MPS983053 MFW983048:MFW983053 LWA983048:LWA983053 LME983048:LME983053 LCI983048:LCI983053 KSM983048:KSM983053 KIQ983048:KIQ983053 JYU983048:JYU983053 JOY983048:JOY983053 JFC983048:JFC983053 IVG983048:IVG983053 ILK983048:ILK983053 IBO983048:IBO983053 HRS983048:HRS983053 HHW983048:HHW983053 GYA983048:GYA983053 GOE983048:GOE983053 GEI983048:GEI983053 FUM983048:FUM983053 FKQ983048:FKQ983053 FAU983048:FAU983053 EQY983048:EQY983053 EHC983048:EHC983053 DXG983048:DXG983053 DNK983048:DNK983053 DDO983048:DDO983053 CTS983048:CTS983053 CJW983048:CJW983053 CAA983048:CAA983053 BQE983048:BQE983053 BGI983048:BGI983053 AWM983048:AWM983053 AMQ983048:AMQ983053 ACU983048:ACU983053 SY983048:SY983053 JC983048:JC983053 G983048:G983053 WVO917512:WVO917517 WLS917512:WLS917517 WBW917512:WBW917517 VSA917512:VSA917517 VIE917512:VIE917517 UYI917512:UYI917517 UOM917512:UOM917517 UEQ917512:UEQ917517 TUU917512:TUU917517 TKY917512:TKY917517 TBC917512:TBC917517 SRG917512:SRG917517 SHK917512:SHK917517 RXO917512:RXO917517 RNS917512:RNS917517 RDW917512:RDW917517 QUA917512:QUA917517 QKE917512:QKE917517 QAI917512:QAI917517 PQM917512:PQM917517 PGQ917512:PGQ917517 OWU917512:OWU917517 OMY917512:OMY917517 ODC917512:ODC917517 NTG917512:NTG917517 NJK917512:NJK917517 MZO917512:MZO917517 MPS917512:MPS917517 MFW917512:MFW917517 LWA917512:LWA917517 LME917512:LME917517 LCI917512:LCI917517 KSM917512:KSM917517 KIQ917512:KIQ917517 JYU917512:JYU917517 JOY917512:JOY917517 JFC917512:JFC917517 IVG917512:IVG917517 ILK917512:ILK917517 IBO917512:IBO917517 HRS917512:HRS917517 HHW917512:HHW917517 GYA917512:GYA917517 GOE917512:GOE917517 GEI917512:GEI917517 FUM917512:FUM917517 FKQ917512:FKQ917517 FAU917512:FAU917517 EQY917512:EQY917517 EHC917512:EHC917517 DXG917512:DXG917517 DNK917512:DNK917517 DDO917512:DDO917517 CTS917512:CTS917517 CJW917512:CJW917517 CAA917512:CAA917517 BQE917512:BQE917517 BGI917512:BGI917517 AWM917512:AWM917517 AMQ917512:AMQ917517 ACU917512:ACU917517 SY917512:SY917517 JC917512:JC917517 G917512:G917517 WVO851976:WVO851981 WLS851976:WLS851981 WBW851976:WBW851981 VSA851976:VSA851981 VIE851976:VIE851981 UYI851976:UYI851981 UOM851976:UOM851981 UEQ851976:UEQ851981 TUU851976:TUU851981 TKY851976:TKY851981 TBC851976:TBC851981 SRG851976:SRG851981 SHK851976:SHK851981 RXO851976:RXO851981 RNS851976:RNS851981 RDW851976:RDW851981 QUA851976:QUA851981 QKE851976:QKE851981 QAI851976:QAI851981 PQM851976:PQM851981 PGQ851976:PGQ851981 OWU851976:OWU851981 OMY851976:OMY851981 ODC851976:ODC851981 NTG851976:NTG851981 NJK851976:NJK851981 MZO851976:MZO851981 MPS851976:MPS851981 MFW851976:MFW851981 LWA851976:LWA851981 LME851976:LME851981 LCI851976:LCI851981 KSM851976:KSM851981 KIQ851976:KIQ851981 JYU851976:JYU851981 JOY851976:JOY851981 JFC851976:JFC851981 IVG851976:IVG851981 ILK851976:ILK851981 IBO851976:IBO851981 HRS851976:HRS851981 HHW851976:HHW851981 GYA851976:GYA851981 GOE851976:GOE851981 GEI851976:GEI851981 FUM851976:FUM851981 FKQ851976:FKQ851981 FAU851976:FAU851981 EQY851976:EQY851981 EHC851976:EHC851981 DXG851976:DXG851981 DNK851976:DNK851981 DDO851976:DDO851981 CTS851976:CTS851981 CJW851976:CJW851981 CAA851976:CAA851981 BQE851976:BQE851981 BGI851976:BGI851981 AWM851976:AWM851981 AMQ851976:AMQ851981 ACU851976:ACU851981 SY851976:SY851981 JC851976:JC851981 G851976:G851981 WVO786440:WVO786445 WLS786440:WLS786445 WBW786440:WBW786445 VSA786440:VSA786445 VIE786440:VIE786445 UYI786440:UYI786445 UOM786440:UOM786445 UEQ786440:UEQ786445 TUU786440:TUU786445 TKY786440:TKY786445 TBC786440:TBC786445 SRG786440:SRG786445 SHK786440:SHK786445 RXO786440:RXO786445 RNS786440:RNS786445 RDW786440:RDW786445 QUA786440:QUA786445 QKE786440:QKE786445 QAI786440:QAI786445 PQM786440:PQM786445 PGQ786440:PGQ786445 OWU786440:OWU786445 OMY786440:OMY786445 ODC786440:ODC786445 NTG786440:NTG786445 NJK786440:NJK786445 MZO786440:MZO786445 MPS786440:MPS786445 MFW786440:MFW786445 LWA786440:LWA786445 LME786440:LME786445 LCI786440:LCI786445 KSM786440:KSM786445 KIQ786440:KIQ786445 JYU786440:JYU786445 JOY786440:JOY786445 JFC786440:JFC786445 IVG786440:IVG786445 ILK786440:ILK786445 IBO786440:IBO786445 HRS786440:HRS786445 HHW786440:HHW786445 GYA786440:GYA786445 GOE786440:GOE786445 GEI786440:GEI786445 FUM786440:FUM786445 FKQ786440:FKQ786445 FAU786440:FAU786445 EQY786440:EQY786445 EHC786440:EHC786445 DXG786440:DXG786445 DNK786440:DNK786445 DDO786440:DDO786445 CTS786440:CTS786445 CJW786440:CJW786445 CAA786440:CAA786445 BQE786440:BQE786445 BGI786440:BGI786445 AWM786440:AWM786445 AMQ786440:AMQ786445 ACU786440:ACU786445 SY786440:SY786445 JC786440:JC786445 G786440:G786445 WVO720904:WVO720909 WLS720904:WLS720909 WBW720904:WBW720909 VSA720904:VSA720909 VIE720904:VIE720909 UYI720904:UYI720909 UOM720904:UOM720909 UEQ720904:UEQ720909 TUU720904:TUU720909 TKY720904:TKY720909 TBC720904:TBC720909 SRG720904:SRG720909 SHK720904:SHK720909 RXO720904:RXO720909 RNS720904:RNS720909 RDW720904:RDW720909 QUA720904:QUA720909 QKE720904:QKE720909 QAI720904:QAI720909 PQM720904:PQM720909 PGQ720904:PGQ720909 OWU720904:OWU720909 OMY720904:OMY720909 ODC720904:ODC720909 NTG720904:NTG720909 NJK720904:NJK720909 MZO720904:MZO720909 MPS720904:MPS720909 MFW720904:MFW720909 LWA720904:LWA720909 LME720904:LME720909 LCI720904:LCI720909 KSM720904:KSM720909 KIQ720904:KIQ720909 JYU720904:JYU720909 JOY720904:JOY720909 JFC720904:JFC720909 IVG720904:IVG720909 ILK720904:ILK720909 IBO720904:IBO720909 HRS720904:HRS720909 HHW720904:HHW720909 GYA720904:GYA720909 GOE720904:GOE720909 GEI720904:GEI720909 FUM720904:FUM720909 FKQ720904:FKQ720909 FAU720904:FAU720909 EQY720904:EQY720909 EHC720904:EHC720909 DXG720904:DXG720909 DNK720904:DNK720909 DDO720904:DDO720909 CTS720904:CTS720909 CJW720904:CJW720909 CAA720904:CAA720909 BQE720904:BQE720909 BGI720904:BGI720909 AWM720904:AWM720909 AMQ720904:AMQ720909 ACU720904:ACU720909 SY720904:SY720909 JC720904:JC720909 G720904:G720909 WVO655368:WVO655373 WLS655368:WLS655373 WBW655368:WBW655373 VSA655368:VSA655373 VIE655368:VIE655373 UYI655368:UYI655373 UOM655368:UOM655373 UEQ655368:UEQ655373 TUU655368:TUU655373 TKY655368:TKY655373 TBC655368:TBC655373 SRG655368:SRG655373 SHK655368:SHK655373 RXO655368:RXO655373 RNS655368:RNS655373 RDW655368:RDW655373 QUA655368:QUA655373 QKE655368:QKE655373 QAI655368:QAI655373 PQM655368:PQM655373 PGQ655368:PGQ655373 OWU655368:OWU655373 OMY655368:OMY655373 ODC655368:ODC655373 NTG655368:NTG655373 NJK655368:NJK655373 MZO655368:MZO655373 MPS655368:MPS655373 MFW655368:MFW655373 LWA655368:LWA655373 LME655368:LME655373 LCI655368:LCI655373 KSM655368:KSM655373 KIQ655368:KIQ655373 JYU655368:JYU655373 JOY655368:JOY655373 JFC655368:JFC655373 IVG655368:IVG655373 ILK655368:ILK655373 IBO655368:IBO655373 HRS655368:HRS655373 HHW655368:HHW655373 GYA655368:GYA655373 GOE655368:GOE655373 GEI655368:GEI655373 FUM655368:FUM655373 FKQ655368:FKQ655373 FAU655368:FAU655373 EQY655368:EQY655373 EHC655368:EHC655373 DXG655368:DXG655373 DNK655368:DNK655373 DDO655368:DDO655373 CTS655368:CTS655373 CJW655368:CJW655373 CAA655368:CAA655373 BQE655368:BQE655373 BGI655368:BGI655373 AWM655368:AWM655373 AMQ655368:AMQ655373 ACU655368:ACU655373 SY655368:SY655373 JC655368:JC655373 G655368:G655373 WVO589832:WVO589837 WLS589832:WLS589837 WBW589832:WBW589837 VSA589832:VSA589837 VIE589832:VIE589837 UYI589832:UYI589837 UOM589832:UOM589837 UEQ589832:UEQ589837 TUU589832:TUU589837 TKY589832:TKY589837 TBC589832:TBC589837 SRG589832:SRG589837 SHK589832:SHK589837 RXO589832:RXO589837 RNS589832:RNS589837 RDW589832:RDW589837 QUA589832:QUA589837 QKE589832:QKE589837 QAI589832:QAI589837 PQM589832:PQM589837 PGQ589832:PGQ589837 OWU589832:OWU589837 OMY589832:OMY589837 ODC589832:ODC589837 NTG589832:NTG589837 NJK589832:NJK589837 MZO589832:MZO589837 MPS589832:MPS589837 MFW589832:MFW589837 LWA589832:LWA589837 LME589832:LME589837 LCI589832:LCI589837 KSM589832:KSM589837 KIQ589832:KIQ589837 JYU589832:JYU589837 JOY589832:JOY589837 JFC589832:JFC589837 IVG589832:IVG589837 ILK589832:ILK589837 IBO589832:IBO589837 HRS589832:HRS589837 HHW589832:HHW589837 GYA589832:GYA589837 GOE589832:GOE589837 GEI589832:GEI589837 FUM589832:FUM589837 FKQ589832:FKQ589837 FAU589832:FAU589837 EQY589832:EQY589837 EHC589832:EHC589837 DXG589832:DXG589837 DNK589832:DNK589837 DDO589832:DDO589837 CTS589832:CTS589837 CJW589832:CJW589837 CAA589832:CAA589837 BQE589832:BQE589837 BGI589832:BGI589837 AWM589832:AWM589837 AMQ589832:AMQ589837 ACU589832:ACU589837 SY589832:SY589837 JC589832:JC589837 G589832:G589837 WVO524296:WVO524301 WLS524296:WLS524301 WBW524296:WBW524301 VSA524296:VSA524301 VIE524296:VIE524301 UYI524296:UYI524301 UOM524296:UOM524301 UEQ524296:UEQ524301 TUU524296:TUU524301 TKY524296:TKY524301 TBC524296:TBC524301 SRG524296:SRG524301 SHK524296:SHK524301 RXO524296:RXO524301 RNS524296:RNS524301 RDW524296:RDW524301 QUA524296:QUA524301 QKE524296:QKE524301 QAI524296:QAI524301 PQM524296:PQM524301 PGQ524296:PGQ524301 OWU524296:OWU524301 OMY524296:OMY524301 ODC524296:ODC524301 NTG524296:NTG524301 NJK524296:NJK524301 MZO524296:MZO524301 MPS524296:MPS524301 MFW524296:MFW524301 LWA524296:LWA524301 LME524296:LME524301 LCI524296:LCI524301 KSM524296:KSM524301 KIQ524296:KIQ524301 JYU524296:JYU524301 JOY524296:JOY524301 JFC524296:JFC524301 IVG524296:IVG524301 ILK524296:ILK524301 IBO524296:IBO524301 HRS524296:HRS524301 HHW524296:HHW524301 GYA524296:GYA524301 GOE524296:GOE524301 GEI524296:GEI524301 FUM524296:FUM524301 FKQ524296:FKQ524301 FAU524296:FAU524301 EQY524296:EQY524301 EHC524296:EHC524301 DXG524296:DXG524301 DNK524296:DNK524301 DDO524296:DDO524301 CTS524296:CTS524301 CJW524296:CJW524301 CAA524296:CAA524301 BQE524296:BQE524301 BGI524296:BGI524301 AWM524296:AWM524301 AMQ524296:AMQ524301 ACU524296:ACU524301 SY524296:SY524301 JC524296:JC524301 G524296:G524301 WVO458760:WVO458765 WLS458760:WLS458765 WBW458760:WBW458765 VSA458760:VSA458765 VIE458760:VIE458765 UYI458760:UYI458765 UOM458760:UOM458765 UEQ458760:UEQ458765 TUU458760:TUU458765 TKY458760:TKY458765 TBC458760:TBC458765 SRG458760:SRG458765 SHK458760:SHK458765 RXO458760:RXO458765 RNS458760:RNS458765 RDW458760:RDW458765 QUA458760:QUA458765 QKE458760:QKE458765 QAI458760:QAI458765 PQM458760:PQM458765 PGQ458760:PGQ458765 OWU458760:OWU458765 OMY458760:OMY458765 ODC458760:ODC458765 NTG458760:NTG458765 NJK458760:NJK458765 MZO458760:MZO458765 MPS458760:MPS458765 MFW458760:MFW458765 LWA458760:LWA458765 LME458760:LME458765 LCI458760:LCI458765 KSM458760:KSM458765 KIQ458760:KIQ458765 JYU458760:JYU458765 JOY458760:JOY458765 JFC458760:JFC458765 IVG458760:IVG458765 ILK458760:ILK458765 IBO458760:IBO458765 HRS458760:HRS458765 HHW458760:HHW458765 GYA458760:GYA458765 GOE458760:GOE458765 GEI458760:GEI458765 FUM458760:FUM458765 FKQ458760:FKQ458765 FAU458760:FAU458765 EQY458760:EQY458765 EHC458760:EHC458765 DXG458760:DXG458765 DNK458760:DNK458765 DDO458760:DDO458765 CTS458760:CTS458765 CJW458760:CJW458765 CAA458760:CAA458765 BQE458760:BQE458765 BGI458760:BGI458765 AWM458760:AWM458765 AMQ458760:AMQ458765 ACU458760:ACU458765 SY458760:SY458765 JC458760:JC458765 G458760:G458765 WVO393224:WVO393229 WLS393224:WLS393229 WBW393224:WBW393229 VSA393224:VSA393229 VIE393224:VIE393229 UYI393224:UYI393229 UOM393224:UOM393229 UEQ393224:UEQ393229 TUU393224:TUU393229 TKY393224:TKY393229 TBC393224:TBC393229 SRG393224:SRG393229 SHK393224:SHK393229 RXO393224:RXO393229 RNS393224:RNS393229 RDW393224:RDW393229 QUA393224:QUA393229 QKE393224:QKE393229 QAI393224:QAI393229 PQM393224:PQM393229 PGQ393224:PGQ393229 OWU393224:OWU393229 OMY393224:OMY393229 ODC393224:ODC393229 NTG393224:NTG393229 NJK393224:NJK393229 MZO393224:MZO393229 MPS393224:MPS393229 MFW393224:MFW393229 LWA393224:LWA393229 LME393224:LME393229 LCI393224:LCI393229 KSM393224:KSM393229 KIQ393224:KIQ393229 JYU393224:JYU393229 JOY393224:JOY393229 JFC393224:JFC393229 IVG393224:IVG393229 ILK393224:ILK393229 IBO393224:IBO393229 HRS393224:HRS393229 HHW393224:HHW393229 GYA393224:GYA393229 GOE393224:GOE393229 GEI393224:GEI393229 FUM393224:FUM393229 FKQ393224:FKQ393229 FAU393224:FAU393229 EQY393224:EQY393229 EHC393224:EHC393229 DXG393224:DXG393229 DNK393224:DNK393229 DDO393224:DDO393229 CTS393224:CTS393229 CJW393224:CJW393229 CAA393224:CAA393229 BQE393224:BQE393229 BGI393224:BGI393229 AWM393224:AWM393229 AMQ393224:AMQ393229 ACU393224:ACU393229 SY393224:SY393229 JC393224:JC393229 G393224:G393229 WVO327688:WVO327693 WLS327688:WLS327693 WBW327688:WBW327693 VSA327688:VSA327693 VIE327688:VIE327693 UYI327688:UYI327693 UOM327688:UOM327693 UEQ327688:UEQ327693 TUU327688:TUU327693 TKY327688:TKY327693 TBC327688:TBC327693 SRG327688:SRG327693 SHK327688:SHK327693 RXO327688:RXO327693 RNS327688:RNS327693 RDW327688:RDW327693 QUA327688:QUA327693 QKE327688:QKE327693 QAI327688:QAI327693 PQM327688:PQM327693 PGQ327688:PGQ327693 OWU327688:OWU327693 OMY327688:OMY327693 ODC327688:ODC327693 NTG327688:NTG327693 NJK327688:NJK327693 MZO327688:MZO327693 MPS327688:MPS327693 MFW327688:MFW327693 LWA327688:LWA327693 LME327688:LME327693 LCI327688:LCI327693 KSM327688:KSM327693 KIQ327688:KIQ327693 JYU327688:JYU327693 JOY327688:JOY327693 JFC327688:JFC327693 IVG327688:IVG327693 ILK327688:ILK327693 IBO327688:IBO327693 HRS327688:HRS327693 HHW327688:HHW327693 GYA327688:GYA327693 GOE327688:GOE327693 GEI327688:GEI327693 FUM327688:FUM327693 FKQ327688:FKQ327693 FAU327688:FAU327693 EQY327688:EQY327693 EHC327688:EHC327693 DXG327688:DXG327693 DNK327688:DNK327693 DDO327688:DDO327693 CTS327688:CTS327693 CJW327688:CJW327693 CAA327688:CAA327693 BQE327688:BQE327693 BGI327688:BGI327693 AWM327688:AWM327693 AMQ327688:AMQ327693 ACU327688:ACU327693 SY327688:SY327693 JC327688:JC327693 G327688:G327693 WVO262152:WVO262157 WLS262152:WLS262157 WBW262152:WBW262157 VSA262152:VSA262157 VIE262152:VIE262157 UYI262152:UYI262157 UOM262152:UOM262157 UEQ262152:UEQ262157 TUU262152:TUU262157 TKY262152:TKY262157 TBC262152:TBC262157 SRG262152:SRG262157 SHK262152:SHK262157 RXO262152:RXO262157 RNS262152:RNS262157 RDW262152:RDW262157 QUA262152:QUA262157 QKE262152:QKE262157 QAI262152:QAI262157 PQM262152:PQM262157 PGQ262152:PGQ262157 OWU262152:OWU262157 OMY262152:OMY262157 ODC262152:ODC262157 NTG262152:NTG262157 NJK262152:NJK262157 MZO262152:MZO262157 MPS262152:MPS262157 MFW262152:MFW262157 LWA262152:LWA262157 LME262152:LME262157 LCI262152:LCI262157 KSM262152:KSM262157 KIQ262152:KIQ262157 JYU262152:JYU262157 JOY262152:JOY262157 JFC262152:JFC262157 IVG262152:IVG262157 ILK262152:ILK262157 IBO262152:IBO262157 HRS262152:HRS262157 HHW262152:HHW262157 GYA262152:GYA262157 GOE262152:GOE262157 GEI262152:GEI262157 FUM262152:FUM262157 FKQ262152:FKQ262157 FAU262152:FAU262157 EQY262152:EQY262157 EHC262152:EHC262157 DXG262152:DXG262157 DNK262152:DNK262157 DDO262152:DDO262157 CTS262152:CTS262157 CJW262152:CJW262157 CAA262152:CAA262157 BQE262152:BQE262157 BGI262152:BGI262157 AWM262152:AWM262157 AMQ262152:AMQ262157 ACU262152:ACU262157 SY262152:SY262157 JC262152:JC262157 G262152:G262157 WVO196616:WVO196621 WLS196616:WLS196621 WBW196616:WBW196621 VSA196616:VSA196621 VIE196616:VIE196621 UYI196616:UYI196621 UOM196616:UOM196621 UEQ196616:UEQ196621 TUU196616:TUU196621 TKY196616:TKY196621 TBC196616:TBC196621 SRG196616:SRG196621 SHK196616:SHK196621 RXO196616:RXO196621 RNS196616:RNS196621 RDW196616:RDW196621 QUA196616:QUA196621 QKE196616:QKE196621 QAI196616:QAI196621 PQM196616:PQM196621 PGQ196616:PGQ196621 OWU196616:OWU196621 OMY196616:OMY196621 ODC196616:ODC196621 NTG196616:NTG196621 NJK196616:NJK196621 MZO196616:MZO196621 MPS196616:MPS196621 MFW196616:MFW196621 LWA196616:LWA196621 LME196616:LME196621 LCI196616:LCI196621 KSM196616:KSM196621 KIQ196616:KIQ196621 JYU196616:JYU196621 JOY196616:JOY196621 JFC196616:JFC196621 IVG196616:IVG196621 ILK196616:ILK196621 IBO196616:IBO196621 HRS196616:HRS196621 HHW196616:HHW196621 GYA196616:GYA196621 GOE196616:GOE196621 GEI196616:GEI196621 FUM196616:FUM196621 FKQ196616:FKQ196621 FAU196616:FAU196621 EQY196616:EQY196621 EHC196616:EHC196621 DXG196616:DXG196621 DNK196616:DNK196621 DDO196616:DDO196621 CTS196616:CTS196621 CJW196616:CJW196621 CAA196616:CAA196621 BQE196616:BQE196621 BGI196616:BGI196621 AWM196616:AWM196621 AMQ196616:AMQ196621 ACU196616:ACU196621 SY196616:SY196621 JC196616:JC196621 G196616:G196621 WVO131080:WVO131085 WLS131080:WLS131085 WBW131080:WBW131085 VSA131080:VSA131085 VIE131080:VIE131085 UYI131080:UYI131085 UOM131080:UOM131085 UEQ131080:UEQ131085 TUU131080:TUU131085 TKY131080:TKY131085 TBC131080:TBC131085 SRG131080:SRG131085 SHK131080:SHK131085 RXO131080:RXO131085 RNS131080:RNS131085 RDW131080:RDW131085 QUA131080:QUA131085 QKE131080:QKE131085 QAI131080:QAI131085 PQM131080:PQM131085 PGQ131080:PGQ131085 OWU131080:OWU131085 OMY131080:OMY131085 ODC131080:ODC131085 NTG131080:NTG131085 NJK131080:NJK131085 MZO131080:MZO131085 MPS131080:MPS131085 MFW131080:MFW131085 LWA131080:LWA131085 LME131080:LME131085 LCI131080:LCI131085 KSM131080:KSM131085 KIQ131080:KIQ131085 JYU131080:JYU131085 JOY131080:JOY131085 JFC131080:JFC131085 IVG131080:IVG131085 ILK131080:ILK131085 IBO131080:IBO131085 HRS131080:HRS131085 HHW131080:HHW131085 GYA131080:GYA131085 GOE131080:GOE131085 GEI131080:GEI131085 FUM131080:FUM131085 FKQ131080:FKQ131085 FAU131080:FAU131085 EQY131080:EQY131085 EHC131080:EHC131085 DXG131080:DXG131085 DNK131080:DNK131085 DDO131080:DDO131085 CTS131080:CTS131085 CJW131080:CJW131085 CAA131080:CAA131085 BQE131080:BQE131085 BGI131080:BGI131085 AWM131080:AWM131085 AMQ131080:AMQ131085 ACU131080:ACU131085 SY131080:SY131085 JC131080:JC131085 G131080:G131085 WVO65544:WVO65549 WLS65544:WLS65549 WBW65544:WBW65549 VSA65544:VSA65549 VIE65544:VIE65549 UYI65544:UYI65549 UOM65544:UOM65549 UEQ65544:UEQ65549 TUU65544:TUU65549 TKY65544:TKY65549 TBC65544:TBC65549 SRG65544:SRG65549 SHK65544:SHK65549 RXO65544:RXO65549 RNS65544:RNS65549 RDW65544:RDW65549 QUA65544:QUA65549 QKE65544:QKE65549 QAI65544:QAI65549 PQM65544:PQM65549 PGQ65544:PGQ65549 OWU65544:OWU65549 OMY65544:OMY65549 ODC65544:ODC65549 NTG65544:NTG65549 NJK65544:NJK65549 MZO65544:MZO65549 MPS65544:MPS65549 MFW65544:MFW65549 LWA65544:LWA65549 LME65544:LME65549 LCI65544:LCI65549 KSM65544:KSM65549 KIQ65544:KIQ65549 JYU65544:JYU65549 JOY65544:JOY65549 JFC65544:JFC65549 IVG65544:IVG65549 ILK65544:ILK65549 IBO65544:IBO65549 HRS65544:HRS65549 HHW65544:HHW65549 GYA65544:GYA65549 GOE65544:GOE65549 GEI65544:GEI65549 FUM65544:FUM65549 FKQ65544:FKQ65549 FAU65544:FAU65549 EQY65544:EQY65549 EHC65544:EHC65549 DXG65544:DXG65549 DNK65544:DNK65549 DDO65544:DDO65549 CTS65544:CTS65549 CJW65544:CJW65549 CAA65544:CAA65549 BQE65544:BQE65549 BGI65544:BGI65549 AWM65544:AWM65549 AMQ65544:AMQ65549 ACU65544:ACU65549 SY65544:SY65549 JC65544:JC65549 G65544:G65549 WVG8:WVG13 WLK8:WLK13 WBO8:WBO13 VRS8:VRS13 VHW8:VHW13 UYA8:UYA13 UOE8:UOE13 UEI8:UEI13 TUM8:TUM13 TKQ8:TKQ13 TAU8:TAU13 SQY8:SQY13 SHC8:SHC13 RXG8:RXG13 RNK8:RNK13 RDO8:RDO13 QTS8:QTS13 QJW8:QJW13 QAA8:QAA13 PQE8:PQE13 PGI8:PGI13 OWM8:OWM13 OMQ8:OMQ13 OCU8:OCU13 NSY8:NSY13 NJC8:NJC13 MZG8:MZG13 MPK8:MPK13 MFO8:MFO13 LVS8:LVS13 LLW8:LLW13 LCA8:LCA13 KSE8:KSE13 KII8:KII13 JYM8:JYM13 JOQ8:JOQ13 JEU8:JEU13 IUY8:IUY13 ILC8:ILC13 IBG8:IBG13 HRK8:HRK13 HHO8:HHO13 GXS8:GXS13 GNW8:GNW13 GEA8:GEA13 FUE8:FUE13 FKI8:FKI13 FAM8:FAM13 EQQ8:EQQ13 EGU8:EGU13 DWY8:DWY13 DNC8:DNC13 DDG8:DDG13 CTK8:CTK13 CJO8:CJO13 BZS8:BZS13 BPW8:BPW13 BGA8:BGA13 AWE8:AWE13 AMI8:AMI13 ACM8:ACM13 SQ8:SQ13" xr:uid="{EF76BCEB-4B78-4CD6-9669-9826934B5C09}">
      <formula1>$J$1</formula1>
    </dataValidation>
  </dataValidations>
  <pageMargins left="0.7" right="0.7" top="0.75" bottom="0.75" header="0.3" footer="0.3"/>
  <pageSetup paperSize="9" scale="96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BCD7042-40FB-4250-856F-7514FACFD125}">
  <dimension ref="A1:I36"/>
  <sheetViews>
    <sheetView showGridLines="0" view="pageBreakPreview" zoomScaleNormal="100" zoomScaleSheetLayoutView="100" workbookViewId="0">
      <selection activeCell="B22" sqref="B22"/>
    </sheetView>
  </sheetViews>
  <sheetFormatPr defaultRowHeight="13.2" x14ac:dyDescent="0.2"/>
  <cols>
    <col min="1" max="1" width="6.69921875" style="5" customWidth="1"/>
    <col min="2" max="8" width="8.796875" style="5"/>
    <col min="9" max="9" width="8.09765625" style="5" customWidth="1"/>
    <col min="10" max="16384" width="8.796875" style="5"/>
  </cols>
  <sheetData>
    <row r="1" spans="1:9" x14ac:dyDescent="0.2">
      <c r="A1" s="10" t="s">
        <v>14</v>
      </c>
      <c r="B1" s="6"/>
      <c r="C1" s="6"/>
      <c r="D1" s="6"/>
      <c r="E1" s="6"/>
      <c r="F1" s="6"/>
      <c r="G1" s="6"/>
      <c r="H1" s="6"/>
      <c r="I1" s="6"/>
    </row>
    <row r="2" spans="1:9" ht="23.25" customHeight="1" x14ac:dyDescent="0.2">
      <c r="A2" s="6"/>
      <c r="B2" s="6"/>
      <c r="C2" s="6"/>
      <c r="D2" s="6"/>
      <c r="E2" s="6"/>
      <c r="F2" s="6"/>
      <c r="G2" s="6"/>
      <c r="H2" s="6"/>
      <c r="I2" s="6"/>
    </row>
    <row r="3" spans="1:9" ht="23.25" customHeight="1" x14ac:dyDescent="0.2">
      <c r="A3" s="6"/>
      <c r="B3" s="6"/>
      <c r="C3" s="6"/>
      <c r="D3" s="6"/>
      <c r="E3" s="6"/>
      <c r="F3" s="6"/>
      <c r="G3" s="6"/>
      <c r="H3" s="6"/>
      <c r="I3" s="6"/>
    </row>
    <row r="4" spans="1:9" ht="23.25" customHeight="1" x14ac:dyDescent="0.2">
      <c r="A4" s="6"/>
      <c r="B4" s="6"/>
      <c r="C4" s="6"/>
      <c r="D4" s="6"/>
      <c r="E4" s="6"/>
      <c r="F4" s="6"/>
      <c r="G4" s="6"/>
      <c r="H4" s="6"/>
      <c r="I4" s="6"/>
    </row>
    <row r="5" spans="1:9" ht="23.25" customHeight="1" x14ac:dyDescent="0.2">
      <c r="A5" s="6"/>
      <c r="B5" s="6"/>
      <c r="C5" s="6"/>
      <c r="D5" s="6"/>
      <c r="E5" s="6"/>
      <c r="F5" s="6"/>
      <c r="G5" s="6"/>
      <c r="H5" s="6"/>
      <c r="I5" s="6"/>
    </row>
    <row r="6" spans="1:9" ht="28.5" customHeight="1" x14ac:dyDescent="0.25">
      <c r="A6" s="6"/>
      <c r="B6" s="6"/>
      <c r="C6" s="6"/>
      <c r="D6" s="115" t="s">
        <v>13</v>
      </c>
      <c r="E6" s="115"/>
      <c r="F6" s="115"/>
      <c r="G6" s="6"/>
      <c r="H6" s="6"/>
      <c r="I6" s="6"/>
    </row>
    <row r="7" spans="1:9" ht="18.75" customHeight="1" x14ac:dyDescent="0.2">
      <c r="A7" s="6"/>
      <c r="B7" s="6"/>
      <c r="C7" s="6"/>
      <c r="D7" s="6"/>
      <c r="E7" s="6"/>
      <c r="F7" s="6"/>
      <c r="G7" s="6"/>
      <c r="H7" s="6"/>
      <c r="I7" s="6"/>
    </row>
    <row r="8" spans="1:9" ht="18.75" customHeight="1" x14ac:dyDescent="0.2">
      <c r="A8" s="6"/>
      <c r="B8" s="6"/>
      <c r="C8" s="6"/>
      <c r="D8" s="6"/>
      <c r="E8" s="6"/>
      <c r="F8" s="6"/>
      <c r="G8" s="6"/>
      <c r="H8" s="6"/>
      <c r="I8" s="6"/>
    </row>
    <row r="9" spans="1:9" ht="18.75" customHeight="1" x14ac:dyDescent="0.2">
      <c r="A9" s="6"/>
      <c r="B9" s="6"/>
      <c r="C9" s="6"/>
      <c r="D9" s="6"/>
      <c r="E9" s="6"/>
      <c r="F9" s="6"/>
      <c r="G9" s="6"/>
      <c r="H9" s="6"/>
      <c r="I9" s="6"/>
    </row>
    <row r="10" spans="1:9" ht="18.75" customHeight="1" x14ac:dyDescent="0.2">
      <c r="A10" s="6"/>
      <c r="B10" s="6"/>
      <c r="C10" s="6"/>
      <c r="D10" s="6"/>
      <c r="E10" s="6"/>
      <c r="F10" s="6"/>
      <c r="G10" s="6"/>
      <c r="H10" s="6"/>
      <c r="I10" s="6"/>
    </row>
    <row r="11" spans="1:9" s="9" customFormat="1" ht="22.5" customHeight="1" x14ac:dyDescent="0.2">
      <c r="A11" s="7"/>
      <c r="B11" s="7" t="s">
        <v>12</v>
      </c>
      <c r="C11" s="7"/>
      <c r="D11" s="7"/>
      <c r="E11" s="7"/>
      <c r="F11" s="7"/>
      <c r="G11" s="7"/>
      <c r="H11" s="7"/>
      <c r="I11" s="7"/>
    </row>
    <row r="12" spans="1:9" s="9" customFormat="1" ht="22.5" customHeight="1" x14ac:dyDescent="0.2">
      <c r="A12" s="7"/>
      <c r="B12" s="7"/>
      <c r="C12" s="7"/>
      <c r="D12" s="7"/>
      <c r="E12" s="7"/>
      <c r="F12" s="7"/>
      <c r="G12" s="7"/>
      <c r="H12" s="7"/>
      <c r="I12" s="7"/>
    </row>
    <row r="13" spans="1:9" s="9" customFormat="1" ht="22.5" customHeight="1" x14ac:dyDescent="0.2">
      <c r="A13" s="7"/>
      <c r="B13" s="7" t="s">
        <v>11</v>
      </c>
      <c r="C13" s="7"/>
      <c r="D13" s="7"/>
      <c r="E13" s="7"/>
      <c r="F13" s="7"/>
      <c r="G13" s="7"/>
      <c r="H13" s="7"/>
      <c r="I13" s="7"/>
    </row>
    <row r="14" spans="1:9" ht="25.5" customHeight="1" x14ac:dyDescent="0.2">
      <c r="A14" s="6"/>
      <c r="B14" s="6"/>
      <c r="C14" s="6"/>
      <c r="D14" s="6"/>
      <c r="E14" s="6"/>
      <c r="F14" s="6"/>
      <c r="G14" s="6"/>
      <c r="H14" s="6"/>
      <c r="I14" s="6"/>
    </row>
    <row r="15" spans="1:9" ht="25.5" customHeight="1" x14ac:dyDescent="0.2">
      <c r="A15" s="6"/>
      <c r="B15" s="7" t="s">
        <v>10</v>
      </c>
      <c r="C15" s="6"/>
      <c r="D15" s="6"/>
      <c r="E15" s="6"/>
      <c r="F15" s="6"/>
      <c r="G15" s="6"/>
      <c r="H15" s="6"/>
      <c r="I15" s="6"/>
    </row>
    <row r="16" spans="1:9" ht="32.25" customHeight="1" x14ac:dyDescent="0.2">
      <c r="A16" s="6"/>
      <c r="B16" s="6"/>
      <c r="C16" s="6"/>
      <c r="D16" s="6"/>
      <c r="E16" s="6"/>
      <c r="F16" s="6"/>
      <c r="G16" s="6"/>
      <c r="H16" s="6"/>
      <c r="I16" s="6"/>
    </row>
    <row r="17" spans="1:9" ht="32.25" customHeight="1" x14ac:dyDescent="0.2">
      <c r="A17" s="6"/>
      <c r="B17" s="6"/>
      <c r="C17" s="6"/>
      <c r="D17" s="6"/>
      <c r="E17" s="6"/>
      <c r="F17" s="6"/>
      <c r="G17" s="6"/>
      <c r="H17" s="6"/>
      <c r="I17" s="6"/>
    </row>
    <row r="18" spans="1:9" ht="32.25" customHeight="1" x14ac:dyDescent="0.2">
      <c r="A18" s="6"/>
      <c r="B18" s="6"/>
      <c r="C18" s="6"/>
      <c r="D18" s="6"/>
      <c r="E18" s="6"/>
      <c r="F18" s="6"/>
      <c r="G18" s="6"/>
      <c r="H18" s="6"/>
      <c r="I18" s="6"/>
    </row>
    <row r="19" spans="1:9" ht="32.25" customHeight="1" x14ac:dyDescent="0.2">
      <c r="A19" s="6"/>
      <c r="B19" s="6"/>
      <c r="C19" s="6"/>
      <c r="D19" s="6"/>
      <c r="E19" s="6"/>
      <c r="F19" s="6"/>
      <c r="G19" s="6"/>
      <c r="H19" s="6"/>
      <c r="I19" s="6"/>
    </row>
    <row r="20" spans="1:9" x14ac:dyDescent="0.2">
      <c r="A20" s="6"/>
      <c r="B20" s="6"/>
      <c r="C20" s="6"/>
      <c r="D20" s="6" t="s">
        <v>9</v>
      </c>
      <c r="E20" s="6"/>
      <c r="F20" s="6"/>
      <c r="G20" s="6"/>
      <c r="H20" s="6"/>
      <c r="I20" s="6"/>
    </row>
    <row r="21" spans="1:9" x14ac:dyDescent="0.2">
      <c r="A21" s="6"/>
      <c r="B21" s="6"/>
      <c r="C21" s="6"/>
      <c r="D21" s="6"/>
      <c r="E21" s="6"/>
      <c r="F21" s="6"/>
      <c r="G21" s="6"/>
      <c r="H21" s="6"/>
      <c r="I21" s="6"/>
    </row>
    <row r="22" spans="1:9" x14ac:dyDescent="0.2">
      <c r="A22" s="6"/>
      <c r="B22" s="6"/>
      <c r="C22" s="6"/>
      <c r="D22" s="6"/>
      <c r="E22" s="6"/>
      <c r="F22" s="6"/>
      <c r="G22" s="6"/>
      <c r="H22" s="6"/>
      <c r="I22" s="6"/>
    </row>
    <row r="23" spans="1:9" x14ac:dyDescent="0.2">
      <c r="A23" s="6"/>
      <c r="B23" s="6"/>
      <c r="C23" s="6"/>
      <c r="D23" s="6" t="s">
        <v>8</v>
      </c>
      <c r="E23" s="6"/>
      <c r="F23" s="6"/>
      <c r="G23" s="6"/>
      <c r="H23" s="6"/>
      <c r="I23" s="6"/>
    </row>
    <row r="24" spans="1:9" x14ac:dyDescent="0.2">
      <c r="A24" s="6"/>
      <c r="B24" s="6"/>
      <c r="C24" s="6"/>
      <c r="D24" s="6"/>
      <c r="E24" s="6"/>
      <c r="F24" s="6"/>
      <c r="G24" s="6"/>
      <c r="H24" s="6"/>
      <c r="I24" s="6"/>
    </row>
    <row r="25" spans="1:9" x14ac:dyDescent="0.2">
      <c r="A25" s="6"/>
      <c r="B25" s="6"/>
      <c r="C25" s="6"/>
      <c r="D25" s="6"/>
      <c r="E25" s="6" t="s">
        <v>7</v>
      </c>
      <c r="F25" s="6"/>
      <c r="G25" s="6"/>
      <c r="I25" s="8"/>
    </row>
    <row r="26" spans="1:9" ht="24" customHeight="1" x14ac:dyDescent="0.2">
      <c r="A26" s="6"/>
      <c r="B26" s="6"/>
      <c r="C26" s="6"/>
      <c r="D26" s="6"/>
      <c r="E26" s="6"/>
      <c r="F26" s="6"/>
      <c r="G26" s="6"/>
      <c r="H26" s="6"/>
      <c r="I26" s="6"/>
    </row>
    <row r="27" spans="1:9" ht="24" customHeight="1" x14ac:dyDescent="0.2">
      <c r="A27" s="6"/>
      <c r="B27" s="6"/>
      <c r="C27" s="6"/>
      <c r="D27" s="6"/>
      <c r="E27" s="6"/>
      <c r="F27" s="6"/>
      <c r="G27" s="6"/>
      <c r="H27" s="6"/>
      <c r="I27" s="6"/>
    </row>
    <row r="28" spans="1:9" x14ac:dyDescent="0.2">
      <c r="A28" s="6"/>
      <c r="B28" s="6"/>
      <c r="C28" s="6"/>
      <c r="D28" s="6"/>
      <c r="E28" s="6" t="s">
        <v>6</v>
      </c>
      <c r="F28" s="6"/>
      <c r="G28" s="6"/>
      <c r="H28" s="6"/>
      <c r="I28" s="6"/>
    </row>
    <row r="29" spans="1:9" ht="24" customHeight="1" x14ac:dyDescent="0.2">
      <c r="A29" s="6"/>
      <c r="B29" s="6"/>
      <c r="C29" s="6"/>
      <c r="D29" s="6"/>
      <c r="E29" s="6"/>
      <c r="F29" s="6"/>
      <c r="G29" s="6"/>
      <c r="H29" s="6"/>
      <c r="I29" s="6"/>
    </row>
    <row r="30" spans="1:9" ht="24" customHeight="1" x14ac:dyDescent="0.2">
      <c r="A30" s="6"/>
      <c r="B30" s="6"/>
      <c r="C30" s="6"/>
      <c r="D30" s="6"/>
      <c r="E30" s="6"/>
      <c r="F30" s="6"/>
      <c r="G30" s="6"/>
      <c r="H30" s="6"/>
      <c r="I30" s="6"/>
    </row>
    <row r="31" spans="1:9" x14ac:dyDescent="0.2">
      <c r="A31" s="6"/>
      <c r="B31" s="6"/>
      <c r="C31" s="6"/>
      <c r="D31" s="6"/>
      <c r="E31" s="6"/>
      <c r="F31" s="6"/>
      <c r="G31" s="6"/>
      <c r="H31" s="6"/>
      <c r="I31" s="6"/>
    </row>
    <row r="32" spans="1:9" x14ac:dyDescent="0.2">
      <c r="A32" s="6"/>
      <c r="B32" s="6"/>
      <c r="C32" s="6"/>
      <c r="D32" s="6"/>
      <c r="E32" s="6"/>
      <c r="F32" s="6"/>
      <c r="G32" s="6"/>
      <c r="H32" s="6"/>
      <c r="I32" s="6"/>
    </row>
    <row r="33" spans="1:9" x14ac:dyDescent="0.2">
      <c r="A33" s="6"/>
      <c r="B33" s="6"/>
      <c r="C33" s="6"/>
      <c r="D33" s="6"/>
      <c r="E33" s="6"/>
      <c r="F33" s="6"/>
      <c r="G33" s="6"/>
      <c r="H33" s="6"/>
      <c r="I33" s="6"/>
    </row>
    <row r="34" spans="1:9" x14ac:dyDescent="0.2">
      <c r="A34" s="6"/>
      <c r="B34" s="6"/>
      <c r="C34" s="6"/>
      <c r="D34" s="6"/>
      <c r="E34" s="6"/>
      <c r="F34" s="6"/>
      <c r="G34" s="6"/>
      <c r="H34" s="6"/>
      <c r="I34" s="6"/>
    </row>
    <row r="35" spans="1:9" x14ac:dyDescent="0.2">
      <c r="A35" s="6"/>
      <c r="B35" s="6"/>
      <c r="C35" s="6"/>
      <c r="D35" s="6"/>
      <c r="E35" s="6"/>
      <c r="F35" s="6"/>
      <c r="G35" s="6"/>
      <c r="H35" s="6"/>
      <c r="I35" s="6"/>
    </row>
    <row r="36" spans="1:9" ht="14.4" x14ac:dyDescent="0.2">
      <c r="A36" s="6"/>
      <c r="B36" s="7" t="s">
        <v>5</v>
      </c>
      <c r="C36" s="6"/>
      <c r="D36" s="6"/>
      <c r="E36" s="6"/>
      <c r="F36" s="6"/>
      <c r="G36" s="6"/>
      <c r="H36" s="6"/>
      <c r="I36" s="6"/>
    </row>
  </sheetData>
  <mergeCells count="1">
    <mergeCell ref="D6:F6"/>
  </mergeCells>
  <phoneticPr fontId="3"/>
  <pageMargins left="0.7" right="0.7" top="0.75" bottom="0.75" header="0.3" footer="0.3"/>
  <pageSetup paperSize="9" scale="98"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F24FCEE-2FC3-4D51-AB47-3F3E7530AF70}">
  <dimension ref="A1:J32"/>
  <sheetViews>
    <sheetView showGridLines="0" tabSelected="1" view="pageBreakPreview" zoomScaleNormal="100" workbookViewId="0">
      <selection activeCell="J15" sqref="J15"/>
    </sheetView>
  </sheetViews>
  <sheetFormatPr defaultColWidth="8.09765625" defaultRowHeight="27" customHeight="1" x14ac:dyDescent="0.2"/>
  <cols>
    <col min="1" max="1" width="2.3984375" style="1" customWidth="1"/>
    <col min="2" max="2" width="1.5" style="1" customWidth="1"/>
    <col min="3" max="3" width="7.296875" style="1" customWidth="1"/>
    <col min="4" max="4" width="25.8984375" style="1" customWidth="1"/>
    <col min="5" max="5" width="1.5" style="1" customWidth="1"/>
    <col min="6" max="6" width="2.3984375" style="1" customWidth="1"/>
    <col min="7" max="7" width="1.5" style="1" customWidth="1"/>
    <col min="8" max="8" width="7.8984375" style="1" customWidth="1"/>
    <col min="9" max="9" width="23.09765625" style="1" customWidth="1"/>
    <col min="10" max="10" width="10" style="1" customWidth="1"/>
    <col min="11" max="16384" width="8.09765625" style="1"/>
  </cols>
  <sheetData>
    <row r="1" spans="1:10" ht="27" customHeight="1" x14ac:dyDescent="0.2">
      <c r="A1" s="4" t="s">
        <v>54</v>
      </c>
      <c r="B1" s="49"/>
      <c r="C1" s="49"/>
      <c r="D1" s="49"/>
      <c r="E1" s="49"/>
      <c r="F1" s="49"/>
      <c r="G1" s="49"/>
      <c r="H1" s="49"/>
      <c r="I1" s="49"/>
      <c r="J1" s="49"/>
    </row>
    <row r="2" spans="1:10" ht="27" customHeight="1" x14ac:dyDescent="0.2">
      <c r="A2" s="117" t="s">
        <v>53</v>
      </c>
      <c r="B2" s="117"/>
      <c r="C2" s="117"/>
      <c r="D2" s="117"/>
      <c r="E2" s="117"/>
      <c r="F2" s="117"/>
      <c r="G2" s="117"/>
      <c r="H2" s="117"/>
      <c r="I2" s="117"/>
      <c r="J2" s="117"/>
    </row>
    <row r="3" spans="1:10" ht="27" customHeight="1" x14ac:dyDescent="0.2">
      <c r="A3" s="3"/>
      <c r="B3" s="3"/>
      <c r="C3" s="3"/>
      <c r="D3" s="3"/>
      <c r="E3" s="3"/>
      <c r="F3" s="3"/>
      <c r="G3" s="3"/>
      <c r="H3" s="3"/>
      <c r="I3" s="3"/>
      <c r="J3" s="3"/>
    </row>
    <row r="4" spans="1:10" ht="27" customHeight="1" x14ac:dyDescent="0.2">
      <c r="A4" s="49"/>
      <c r="B4" s="49"/>
      <c r="C4" s="49"/>
      <c r="D4" s="49"/>
      <c r="E4" s="49"/>
      <c r="F4" s="49"/>
      <c r="G4" s="49"/>
      <c r="H4" s="49"/>
      <c r="I4" s="47" t="s">
        <v>52</v>
      </c>
      <c r="J4" s="49"/>
    </row>
    <row r="5" spans="1:10" s="11" customFormat="1" ht="27" customHeight="1" x14ac:dyDescent="0.2">
      <c r="A5" s="2" t="s">
        <v>4</v>
      </c>
      <c r="B5" s="12"/>
      <c r="C5" s="12"/>
      <c r="D5" s="12"/>
      <c r="E5" s="12"/>
      <c r="F5" s="12"/>
      <c r="G5" s="12"/>
      <c r="H5" s="12"/>
      <c r="I5" s="12"/>
      <c r="J5" s="12"/>
    </row>
    <row r="6" spans="1:10" s="11" customFormat="1" ht="27" customHeight="1" x14ac:dyDescent="0.2">
      <c r="A6" s="12"/>
      <c r="B6" s="12"/>
      <c r="C6" s="12"/>
      <c r="D6" s="12"/>
      <c r="E6" s="12"/>
      <c r="F6" s="12"/>
      <c r="G6" s="12"/>
      <c r="H6" s="12"/>
      <c r="I6" s="12"/>
      <c r="J6" s="12"/>
    </row>
    <row r="7" spans="1:10" s="11" customFormat="1" ht="27" customHeight="1" x14ac:dyDescent="0.2">
      <c r="A7" s="12"/>
      <c r="B7" s="12"/>
      <c r="C7" s="12"/>
      <c r="D7" s="12"/>
      <c r="E7" s="12"/>
      <c r="F7" s="51" t="s">
        <v>51</v>
      </c>
      <c r="G7" s="12"/>
      <c r="I7" s="18"/>
      <c r="J7" s="12"/>
    </row>
    <row r="8" spans="1:10" s="11" customFormat="1" ht="27" customHeight="1" x14ac:dyDescent="0.2">
      <c r="A8" s="12"/>
      <c r="B8" s="12"/>
      <c r="C8" s="12"/>
      <c r="D8" s="12"/>
      <c r="E8" s="12"/>
      <c r="F8" s="51" t="s">
        <v>50</v>
      </c>
      <c r="G8" s="12"/>
      <c r="I8" s="18"/>
      <c r="J8" s="12"/>
    </row>
    <row r="9" spans="1:10" s="11" customFormat="1" ht="27" customHeight="1" x14ac:dyDescent="0.2">
      <c r="A9" s="12"/>
      <c r="B9" s="12"/>
      <c r="C9" s="12"/>
      <c r="D9" s="12"/>
      <c r="E9" s="12"/>
      <c r="F9" s="12"/>
      <c r="G9" s="12"/>
      <c r="H9" s="12"/>
      <c r="I9" s="12"/>
      <c r="J9" s="12"/>
    </row>
    <row r="10" spans="1:10" s="11" customFormat="1" ht="27" customHeight="1" x14ac:dyDescent="0.2">
      <c r="A10" s="12" t="s">
        <v>79</v>
      </c>
      <c r="B10" s="12"/>
      <c r="C10" s="12"/>
      <c r="D10" s="12"/>
      <c r="E10" s="12"/>
      <c r="F10" s="12"/>
      <c r="G10" s="12"/>
      <c r="H10" s="12"/>
      <c r="I10" s="12"/>
      <c r="J10" s="12"/>
    </row>
    <row r="11" spans="1:10" s="11" customFormat="1" ht="27" customHeight="1" x14ac:dyDescent="0.2">
      <c r="A11" s="12" t="s">
        <v>80</v>
      </c>
      <c r="B11" s="12"/>
      <c r="C11" s="12"/>
      <c r="D11" s="12"/>
      <c r="E11" s="12"/>
      <c r="F11" s="12"/>
      <c r="G11" s="12"/>
      <c r="H11" s="12"/>
      <c r="I11" s="12"/>
      <c r="J11" s="12"/>
    </row>
    <row r="12" spans="1:10" s="11" customFormat="1" ht="27" customHeight="1" x14ac:dyDescent="0.2">
      <c r="A12" s="25" t="s">
        <v>49</v>
      </c>
      <c r="B12" s="65"/>
      <c r="C12" s="23" t="s">
        <v>2</v>
      </c>
      <c r="D12" s="23"/>
      <c r="E12" s="23"/>
      <c r="F12" s="23"/>
      <c r="G12" s="23"/>
      <c r="H12" s="23"/>
      <c r="I12" s="23"/>
      <c r="J12" s="64"/>
    </row>
    <row r="13" spans="1:10" s="11" customFormat="1" ht="27" customHeight="1" x14ac:dyDescent="0.2">
      <c r="A13" s="21" t="s">
        <v>46</v>
      </c>
      <c r="B13" s="63"/>
      <c r="C13" s="62"/>
      <c r="D13" s="62"/>
      <c r="E13" s="62"/>
      <c r="F13" s="62"/>
      <c r="G13" s="62"/>
      <c r="H13" s="62"/>
      <c r="I13" s="62"/>
      <c r="J13" s="61"/>
    </row>
    <row r="14" spans="1:10" s="11" customFormat="1" ht="27" customHeight="1" x14ac:dyDescent="0.2">
      <c r="A14" s="29" t="s">
        <v>45</v>
      </c>
      <c r="B14" s="60"/>
      <c r="C14" s="27" t="s">
        <v>48</v>
      </c>
      <c r="D14" s="27"/>
      <c r="E14" s="27"/>
      <c r="F14" s="27"/>
      <c r="G14" s="27"/>
      <c r="H14" s="27"/>
      <c r="I14" s="27"/>
      <c r="J14" s="59"/>
    </row>
    <row r="15" spans="1:10" s="11" customFormat="1" ht="27" customHeight="1" x14ac:dyDescent="0.2">
      <c r="A15" s="25" t="s">
        <v>47</v>
      </c>
      <c r="B15" s="65"/>
      <c r="C15" s="23" t="s">
        <v>2</v>
      </c>
      <c r="D15" s="23"/>
      <c r="E15" s="23"/>
      <c r="F15" s="23"/>
      <c r="G15" s="23"/>
      <c r="H15" s="23"/>
      <c r="I15" s="23"/>
      <c r="J15" s="64"/>
    </row>
    <row r="16" spans="1:10" s="11" customFormat="1" ht="27" customHeight="1" x14ac:dyDescent="0.2">
      <c r="A16" s="21" t="s">
        <v>46</v>
      </c>
      <c r="B16" s="63"/>
      <c r="C16" s="62"/>
      <c r="D16" s="62"/>
      <c r="E16" s="62"/>
      <c r="F16" s="62"/>
      <c r="G16" s="62"/>
      <c r="H16" s="62"/>
      <c r="I16" s="62"/>
      <c r="J16" s="61"/>
    </row>
    <row r="17" spans="1:10" s="11" customFormat="1" ht="27" customHeight="1" x14ac:dyDescent="0.2">
      <c r="A17" s="21" t="s">
        <v>45</v>
      </c>
      <c r="B17" s="60"/>
      <c r="C17" s="27" t="s">
        <v>1</v>
      </c>
      <c r="D17" s="27"/>
      <c r="E17" s="27"/>
      <c r="F17" s="27"/>
      <c r="G17" s="27"/>
      <c r="H17" s="27"/>
      <c r="I17" s="27"/>
      <c r="J17" s="59"/>
    </row>
    <row r="18" spans="1:10" s="11" customFormat="1" ht="27" customHeight="1" x14ac:dyDescent="0.2">
      <c r="A18" s="118" t="s">
        <v>44</v>
      </c>
      <c r="B18" s="119"/>
      <c r="C18" s="120"/>
      <c r="D18" s="124"/>
      <c r="E18" s="125"/>
      <c r="F18" s="118" t="s">
        <v>43</v>
      </c>
      <c r="G18" s="119"/>
      <c r="H18" s="120"/>
      <c r="I18" s="124"/>
      <c r="J18" s="125"/>
    </row>
    <row r="19" spans="1:10" s="11" customFormat="1" ht="27" customHeight="1" x14ac:dyDescent="0.2">
      <c r="A19" s="121"/>
      <c r="B19" s="122"/>
      <c r="C19" s="123"/>
      <c r="D19" s="126"/>
      <c r="E19" s="127"/>
      <c r="F19" s="121"/>
      <c r="G19" s="122"/>
      <c r="H19" s="123"/>
      <c r="I19" s="126"/>
      <c r="J19" s="127"/>
    </row>
    <row r="20" spans="1:10" s="11" customFormat="1" ht="27" customHeight="1" x14ac:dyDescent="0.2">
      <c r="A20" s="128" t="s">
        <v>81</v>
      </c>
      <c r="B20" s="119"/>
      <c r="C20" s="120"/>
      <c r="D20" s="30" t="s">
        <v>42</v>
      </c>
      <c r="E20" s="23"/>
      <c r="F20" s="128" t="s">
        <v>82</v>
      </c>
      <c r="G20" s="119"/>
      <c r="H20" s="120"/>
      <c r="I20" s="30" t="s">
        <v>42</v>
      </c>
      <c r="J20" s="58"/>
    </row>
    <row r="21" spans="1:10" s="11" customFormat="1" ht="27" customHeight="1" x14ac:dyDescent="0.2">
      <c r="A21" s="129"/>
      <c r="B21" s="130"/>
      <c r="C21" s="131"/>
      <c r="D21" s="57" t="s">
        <v>41</v>
      </c>
      <c r="E21" s="18"/>
      <c r="F21" s="129"/>
      <c r="G21" s="130"/>
      <c r="H21" s="131"/>
      <c r="I21" s="57" t="s">
        <v>41</v>
      </c>
      <c r="J21" s="56"/>
    </row>
    <row r="22" spans="1:10" s="11" customFormat="1" ht="27" customHeight="1" x14ac:dyDescent="0.2">
      <c r="A22" s="121"/>
      <c r="B22" s="122"/>
      <c r="C22" s="123"/>
      <c r="D22" s="28"/>
      <c r="E22" s="27"/>
      <c r="F22" s="121"/>
      <c r="G22" s="122"/>
      <c r="H22" s="123"/>
      <c r="I22" s="28"/>
      <c r="J22" s="55"/>
    </row>
    <row r="23" spans="1:10" s="11" customFormat="1" ht="27" customHeight="1" x14ac:dyDescent="0.2">
      <c r="A23" s="132" t="s">
        <v>40</v>
      </c>
      <c r="B23" s="133"/>
      <c r="C23" s="134"/>
      <c r="D23" s="54"/>
      <c r="E23" s="53"/>
      <c r="F23" s="132" t="s">
        <v>40</v>
      </c>
      <c r="G23" s="133"/>
      <c r="H23" s="134"/>
      <c r="I23" s="53"/>
      <c r="J23" s="52"/>
    </row>
    <row r="24" spans="1:10" s="11" customFormat="1" ht="27" customHeight="1" x14ac:dyDescent="0.2">
      <c r="A24" s="116" t="s">
        <v>0</v>
      </c>
      <c r="B24" s="116"/>
      <c r="C24" s="116"/>
      <c r="D24" s="12"/>
      <c r="E24" s="12"/>
      <c r="F24" s="12"/>
      <c r="G24" s="12"/>
      <c r="H24" s="12"/>
      <c r="I24" s="12"/>
      <c r="J24" s="12"/>
    </row>
    <row r="25" spans="1:10" s="11" customFormat="1" ht="27" customHeight="1" x14ac:dyDescent="0.2">
      <c r="A25" s="50" t="s">
        <v>39</v>
      </c>
      <c r="B25" s="12"/>
      <c r="C25" s="12"/>
      <c r="D25" s="12"/>
      <c r="E25" s="12"/>
      <c r="F25" s="12"/>
      <c r="G25" s="12"/>
      <c r="H25" s="12"/>
      <c r="I25" s="12"/>
      <c r="J25" s="12"/>
    </row>
    <row r="26" spans="1:10" s="11" customFormat="1" ht="13.2" customHeight="1" x14ac:dyDescent="0.2">
      <c r="A26" s="12" t="s">
        <v>38</v>
      </c>
      <c r="B26" s="12"/>
      <c r="C26" s="12"/>
      <c r="D26" s="12"/>
      <c r="E26" s="12"/>
      <c r="F26" s="12"/>
      <c r="G26" s="12"/>
      <c r="H26" s="12"/>
      <c r="I26" s="12"/>
      <c r="J26" s="12"/>
    </row>
    <row r="27" spans="1:10" s="11" customFormat="1" ht="13.2" customHeight="1" x14ac:dyDescent="0.2">
      <c r="A27" s="12" t="s">
        <v>37</v>
      </c>
      <c r="B27" s="12"/>
      <c r="C27" s="12"/>
      <c r="D27" s="12"/>
      <c r="E27" s="12"/>
      <c r="F27" s="12"/>
      <c r="G27" s="12"/>
      <c r="H27" s="12"/>
      <c r="I27" s="12"/>
      <c r="J27" s="12"/>
    </row>
    <row r="28" spans="1:10" s="11" customFormat="1" ht="27" customHeight="1" x14ac:dyDescent="0.2">
      <c r="A28" s="12" t="s">
        <v>36</v>
      </c>
      <c r="B28" s="12"/>
      <c r="C28" s="12"/>
      <c r="D28" s="12"/>
      <c r="E28" s="12"/>
      <c r="F28" s="12"/>
      <c r="G28" s="12"/>
      <c r="H28" s="12"/>
      <c r="I28" s="12"/>
      <c r="J28" s="12"/>
    </row>
    <row r="29" spans="1:10" s="11" customFormat="1" ht="27" customHeight="1" x14ac:dyDescent="0.2">
      <c r="A29" s="12"/>
      <c r="B29" s="12"/>
      <c r="C29" s="12"/>
      <c r="D29" s="12"/>
      <c r="E29" s="12"/>
      <c r="F29" s="12"/>
      <c r="G29" s="12"/>
      <c r="H29" s="12"/>
      <c r="I29" s="12"/>
      <c r="J29" s="12"/>
    </row>
    <row r="30" spans="1:10" s="11" customFormat="1" ht="27" customHeight="1" x14ac:dyDescent="0.2">
      <c r="A30" s="12"/>
      <c r="B30" s="12"/>
      <c r="C30" s="12"/>
      <c r="D30" s="12"/>
      <c r="E30" s="12"/>
      <c r="F30" s="12"/>
      <c r="G30" s="12"/>
      <c r="H30" s="12"/>
      <c r="I30" s="12"/>
      <c r="J30" s="12"/>
    </row>
    <row r="31" spans="1:10" ht="27" customHeight="1" x14ac:dyDescent="0.2">
      <c r="A31" s="2"/>
      <c r="B31" s="2"/>
      <c r="C31" s="2"/>
      <c r="D31" s="2"/>
      <c r="E31" s="2"/>
      <c r="F31" s="2"/>
      <c r="G31" s="2"/>
      <c r="H31" s="2"/>
      <c r="I31" s="2"/>
      <c r="J31" s="2"/>
    </row>
    <row r="32" spans="1:10" ht="27" customHeight="1" x14ac:dyDescent="0.2">
      <c r="A32" s="2"/>
      <c r="B32" s="2"/>
      <c r="C32" s="2"/>
      <c r="D32" s="2"/>
      <c r="E32" s="2"/>
      <c r="F32" s="2"/>
      <c r="G32" s="2"/>
      <c r="H32" s="2"/>
      <c r="I32" s="2"/>
      <c r="J32" s="2"/>
    </row>
  </sheetData>
  <mergeCells count="12">
    <mergeCell ref="A24:C24"/>
    <mergeCell ref="A2:J2"/>
    <mergeCell ref="A18:C19"/>
    <mergeCell ref="D18:E18"/>
    <mergeCell ref="F18:H19"/>
    <mergeCell ref="I18:J18"/>
    <mergeCell ref="D19:E19"/>
    <mergeCell ref="I19:J19"/>
    <mergeCell ref="A20:C22"/>
    <mergeCell ref="F20:H22"/>
    <mergeCell ref="A23:C23"/>
    <mergeCell ref="F23:H23"/>
  </mergeCells>
  <phoneticPr fontId="3"/>
  <printOptions horizontalCentered="1"/>
  <pageMargins left="1.1811023622047245" right="1.1811023622047245" top="0.98425196850393704" bottom="0.98425196850393704" header="0.51181102362204722" footer="0.51181102362204722"/>
  <pageSetup paperSize="9" scale="71" orientation="portrait" r:id="rId1"/>
  <headerFooter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DA29D86-6BFB-416B-9924-EA7E8F0D4E26}">
  <dimension ref="A1:I41"/>
  <sheetViews>
    <sheetView showGridLines="0" view="pageBreakPreview" topLeftCell="A19" zoomScaleNormal="100" workbookViewId="0">
      <selection activeCell="E6" sqref="E6"/>
    </sheetView>
  </sheetViews>
  <sheetFormatPr defaultColWidth="8.09765625" defaultRowHeight="24.9" customHeight="1" x14ac:dyDescent="0.2"/>
  <cols>
    <col min="1" max="1" width="2.3984375" style="1" customWidth="1"/>
    <col min="2" max="2" width="13.19921875" style="1" customWidth="1"/>
    <col min="3" max="3" width="1.5" style="1" customWidth="1"/>
    <col min="4" max="6" width="11.3984375" style="1" customWidth="1"/>
    <col min="7" max="7" width="8.69921875" style="1" customWidth="1"/>
    <col min="8" max="8" width="7.3984375" style="1" customWidth="1"/>
    <col min="9" max="9" width="1.5" style="1" customWidth="1"/>
    <col min="10" max="16384" width="8.09765625" style="1"/>
  </cols>
  <sheetData>
    <row r="1" spans="1:9" ht="24.9" customHeight="1" x14ac:dyDescent="0.2">
      <c r="A1" s="4" t="s">
        <v>35</v>
      </c>
      <c r="B1" s="49"/>
      <c r="C1" s="49"/>
      <c r="D1" s="49"/>
      <c r="E1" s="49"/>
      <c r="F1" s="49"/>
      <c r="G1" s="49"/>
      <c r="H1" s="49"/>
      <c r="I1" s="49"/>
    </row>
    <row r="2" spans="1:9" s="11" customFormat="1" ht="24.9" customHeight="1" x14ac:dyDescent="0.2">
      <c r="A2" s="12"/>
      <c r="B2" s="12"/>
      <c r="C2" s="12"/>
      <c r="D2" s="12"/>
      <c r="E2" s="12"/>
      <c r="F2" s="12"/>
      <c r="G2" s="12"/>
      <c r="H2" s="12"/>
      <c r="I2" s="12"/>
    </row>
    <row r="3" spans="1:9" s="11" customFormat="1" ht="24.9" customHeight="1" x14ac:dyDescent="0.2">
      <c r="A3" s="135" t="s">
        <v>34</v>
      </c>
      <c r="B3" s="135"/>
      <c r="C3" s="135"/>
      <c r="D3" s="135"/>
      <c r="E3" s="135"/>
      <c r="F3" s="135"/>
      <c r="G3" s="135"/>
      <c r="H3" s="135"/>
      <c r="I3" s="135"/>
    </row>
    <row r="4" spans="1:9" s="11" customFormat="1" ht="24.9" customHeight="1" x14ac:dyDescent="0.2">
      <c r="A4" s="48"/>
      <c r="B4" s="48"/>
      <c r="C4" s="48"/>
      <c r="D4" s="48"/>
      <c r="E4" s="48"/>
      <c r="F4" s="48"/>
      <c r="G4" s="48"/>
      <c r="H4" s="48"/>
      <c r="I4" s="48"/>
    </row>
    <row r="5" spans="1:9" s="11" customFormat="1" ht="24.9" customHeight="1" x14ac:dyDescent="0.2">
      <c r="A5" s="12"/>
      <c r="B5" s="12"/>
      <c r="C5" s="12"/>
      <c r="D5" s="12"/>
      <c r="E5" s="12"/>
      <c r="F5" s="136" t="s">
        <v>33</v>
      </c>
      <c r="G5" s="136"/>
      <c r="H5" s="136"/>
      <c r="I5" s="136"/>
    </row>
    <row r="6" spans="1:9" s="11" customFormat="1" ht="24.9" customHeight="1" x14ac:dyDescent="0.2">
      <c r="A6" s="12"/>
      <c r="B6" s="12"/>
      <c r="C6" s="12"/>
      <c r="D6" s="12"/>
      <c r="E6" s="12"/>
      <c r="F6" s="12"/>
      <c r="G6" s="12"/>
      <c r="H6" s="12"/>
      <c r="I6" s="12"/>
    </row>
    <row r="7" spans="1:9" s="11" customFormat="1" ht="24.9" customHeight="1" x14ac:dyDescent="0.2">
      <c r="A7" s="2" t="s">
        <v>4</v>
      </c>
      <c r="B7" s="12"/>
      <c r="C7" s="12"/>
      <c r="D7" s="12"/>
      <c r="E7" s="12"/>
      <c r="F7" s="12"/>
      <c r="G7" s="12"/>
      <c r="H7" s="12"/>
      <c r="I7" s="12"/>
    </row>
    <row r="8" spans="1:9" s="11" customFormat="1" ht="24.9" customHeight="1" x14ac:dyDescent="0.2">
      <c r="A8" s="12"/>
      <c r="B8" s="12"/>
      <c r="C8" s="12"/>
      <c r="D8" s="12"/>
      <c r="E8" s="12"/>
      <c r="F8" s="12"/>
      <c r="G8" s="12"/>
      <c r="H8" s="12"/>
      <c r="I8" s="12"/>
    </row>
    <row r="9" spans="1:9" s="11" customFormat="1" ht="24.9" customHeight="1" x14ac:dyDescent="0.2">
      <c r="A9" s="12" t="s">
        <v>32</v>
      </c>
      <c r="B9" s="12"/>
      <c r="C9" s="12"/>
      <c r="D9" s="12"/>
      <c r="E9" s="12"/>
      <c r="F9" s="12"/>
      <c r="G9" s="12"/>
      <c r="H9" s="12"/>
      <c r="I9" s="12"/>
    </row>
    <row r="10" spans="1:9" s="11" customFormat="1" ht="24.9" customHeight="1" x14ac:dyDescent="0.2">
      <c r="A10" s="12" t="s">
        <v>31</v>
      </c>
      <c r="B10" s="12"/>
      <c r="C10" s="12"/>
      <c r="D10" s="12"/>
      <c r="E10" s="12"/>
      <c r="F10" s="12"/>
      <c r="G10" s="12"/>
      <c r="H10" s="12"/>
      <c r="I10" s="12"/>
    </row>
    <row r="11" spans="1:9" s="11" customFormat="1" ht="24.9" customHeight="1" thickBot="1" x14ac:dyDescent="0.25">
      <c r="A11" s="12"/>
      <c r="B11" s="12"/>
      <c r="C11" s="12"/>
      <c r="D11" s="12"/>
      <c r="E11" s="12"/>
      <c r="F11" s="12"/>
      <c r="G11" s="12"/>
      <c r="H11" s="12"/>
      <c r="I11" s="12"/>
    </row>
    <row r="12" spans="1:9" s="11" customFormat="1" ht="24.9" customHeight="1" x14ac:dyDescent="0.2">
      <c r="A12" s="137" t="s">
        <v>30</v>
      </c>
      <c r="B12" s="46" t="s">
        <v>29</v>
      </c>
      <c r="C12" s="44"/>
      <c r="D12" s="45"/>
      <c r="E12" s="45"/>
      <c r="F12" s="45"/>
      <c r="G12" s="45"/>
      <c r="H12" s="44"/>
      <c r="I12" s="43"/>
    </row>
    <row r="13" spans="1:9" s="11" customFormat="1" ht="24.9" customHeight="1" x14ac:dyDescent="0.2">
      <c r="A13" s="138"/>
      <c r="B13" s="29" t="s">
        <v>28</v>
      </c>
      <c r="C13" s="42"/>
      <c r="D13" s="41"/>
      <c r="E13" s="41"/>
      <c r="F13" s="41"/>
      <c r="G13" s="41"/>
      <c r="H13" s="40"/>
      <c r="I13" s="39"/>
    </row>
    <row r="14" spans="1:9" s="11" customFormat="1" ht="24.9" customHeight="1" x14ac:dyDescent="0.2">
      <c r="A14" s="138"/>
      <c r="B14" s="140" t="s">
        <v>27</v>
      </c>
      <c r="C14" s="142" t="s">
        <v>26</v>
      </c>
      <c r="D14" s="143"/>
      <c r="E14" s="143"/>
      <c r="F14" s="143"/>
      <c r="G14" s="143"/>
      <c r="H14" s="143"/>
      <c r="I14" s="144"/>
    </row>
    <row r="15" spans="1:9" s="11" customFormat="1" ht="24.9" customHeight="1" x14ac:dyDescent="0.2">
      <c r="A15" s="138"/>
      <c r="B15" s="141"/>
      <c r="C15" s="145" t="s">
        <v>25</v>
      </c>
      <c r="D15" s="146"/>
      <c r="E15" s="146"/>
      <c r="F15" s="146"/>
      <c r="G15" s="146"/>
      <c r="H15" s="146"/>
      <c r="I15" s="147"/>
    </row>
    <row r="16" spans="1:9" s="11" customFormat="1" ht="24.9" customHeight="1" x14ac:dyDescent="0.2">
      <c r="A16" s="138"/>
      <c r="B16" s="148" t="s">
        <v>24</v>
      </c>
      <c r="C16" s="23"/>
      <c r="D16" s="23" t="s">
        <v>2</v>
      </c>
      <c r="E16" s="23"/>
      <c r="F16" s="23"/>
      <c r="G16" s="23"/>
      <c r="H16" s="23"/>
      <c r="I16" s="22"/>
    </row>
    <row r="17" spans="1:9" s="11" customFormat="1" ht="24.9" customHeight="1" x14ac:dyDescent="0.2">
      <c r="A17" s="138"/>
      <c r="B17" s="149"/>
      <c r="C17" s="18"/>
      <c r="D17" s="18"/>
      <c r="E17" s="18"/>
      <c r="F17" s="18"/>
      <c r="G17" s="18"/>
      <c r="H17" s="18"/>
      <c r="I17" s="17"/>
    </row>
    <row r="18" spans="1:9" s="11" customFormat="1" ht="24.9" customHeight="1" x14ac:dyDescent="0.2">
      <c r="A18" s="138"/>
      <c r="B18" s="141"/>
      <c r="C18" s="27"/>
      <c r="D18" s="27"/>
      <c r="E18" s="27"/>
      <c r="F18" s="27"/>
      <c r="G18" s="27"/>
      <c r="H18" s="27"/>
      <c r="I18" s="26"/>
    </row>
    <row r="19" spans="1:9" s="11" customFormat="1" ht="24.9" customHeight="1" x14ac:dyDescent="0.2">
      <c r="A19" s="138"/>
      <c r="B19" s="140" t="s">
        <v>3</v>
      </c>
      <c r="C19" s="30"/>
      <c r="D19" s="23"/>
      <c r="E19" s="38" t="s">
        <v>23</v>
      </c>
      <c r="F19" s="23"/>
      <c r="G19" s="23"/>
      <c r="H19" s="23"/>
      <c r="I19" s="22"/>
    </row>
    <row r="20" spans="1:9" s="11" customFormat="1" ht="24.9" customHeight="1" x14ac:dyDescent="0.2">
      <c r="A20" s="138"/>
      <c r="B20" s="141"/>
      <c r="C20" s="27"/>
      <c r="D20" s="27"/>
      <c r="E20" s="37" t="s">
        <v>23</v>
      </c>
      <c r="F20" s="27"/>
      <c r="G20" s="27"/>
      <c r="H20" s="27"/>
      <c r="I20" s="26"/>
    </row>
    <row r="21" spans="1:9" s="11" customFormat="1" ht="24.9" customHeight="1" thickBot="1" x14ac:dyDescent="0.25">
      <c r="A21" s="139"/>
      <c r="B21" s="36" t="s">
        <v>21</v>
      </c>
      <c r="C21" s="35"/>
      <c r="D21" s="150" t="s">
        <v>20</v>
      </c>
      <c r="E21" s="150"/>
      <c r="F21" s="150"/>
      <c r="G21" s="150"/>
      <c r="H21" s="150"/>
      <c r="I21" s="34"/>
    </row>
    <row r="22" spans="1:9" s="11" customFormat="1" ht="24.9" customHeight="1" x14ac:dyDescent="0.2">
      <c r="A22" s="151" t="s">
        <v>22</v>
      </c>
      <c r="B22" s="33" t="s">
        <v>21</v>
      </c>
      <c r="C22" s="32"/>
      <c r="D22" s="154" t="s">
        <v>20</v>
      </c>
      <c r="E22" s="154"/>
      <c r="F22" s="154"/>
      <c r="G22" s="154"/>
      <c r="H22" s="154"/>
      <c r="I22" s="31"/>
    </row>
    <row r="23" spans="1:9" s="11" customFormat="1" ht="24.9" customHeight="1" x14ac:dyDescent="0.2">
      <c r="A23" s="152"/>
      <c r="B23" s="148" t="s">
        <v>19</v>
      </c>
      <c r="C23" s="124"/>
      <c r="D23" s="155"/>
      <c r="E23" s="155"/>
      <c r="F23" s="155"/>
      <c r="G23" s="155"/>
      <c r="H23" s="155"/>
      <c r="I23" s="156"/>
    </row>
    <row r="24" spans="1:9" s="11" customFormat="1" ht="24.9" customHeight="1" x14ac:dyDescent="0.2">
      <c r="A24" s="152"/>
      <c r="B24" s="141"/>
      <c r="C24" s="126"/>
      <c r="D24" s="157"/>
      <c r="E24" s="157"/>
      <c r="F24" s="157"/>
      <c r="G24" s="157"/>
      <c r="H24" s="157"/>
      <c r="I24" s="158"/>
    </row>
    <row r="25" spans="1:9" s="11" customFormat="1" ht="24.9" customHeight="1" x14ac:dyDescent="0.2">
      <c r="A25" s="152"/>
      <c r="B25" s="148" t="s">
        <v>18</v>
      </c>
      <c r="C25" s="23"/>
      <c r="D25" s="24" t="s">
        <v>2</v>
      </c>
      <c r="E25" s="23"/>
      <c r="F25" s="23"/>
      <c r="G25" s="23"/>
      <c r="H25" s="23"/>
      <c r="I25" s="22"/>
    </row>
    <row r="26" spans="1:9" s="11" customFormat="1" ht="24.9" customHeight="1" x14ac:dyDescent="0.2">
      <c r="A26" s="152"/>
      <c r="B26" s="149"/>
      <c r="C26" s="18"/>
      <c r="D26" s="18"/>
      <c r="E26" s="18"/>
      <c r="F26" s="18"/>
      <c r="G26" s="18"/>
      <c r="H26" s="18"/>
      <c r="I26" s="17"/>
    </row>
    <row r="27" spans="1:9" s="11" customFormat="1" ht="24.9" customHeight="1" x14ac:dyDescent="0.2">
      <c r="A27" s="152"/>
      <c r="B27" s="149"/>
      <c r="C27" s="20"/>
      <c r="D27" s="19"/>
      <c r="E27" s="19"/>
      <c r="F27" s="19"/>
      <c r="G27" s="18"/>
      <c r="H27" s="18"/>
      <c r="I27" s="17"/>
    </row>
    <row r="28" spans="1:9" s="11" customFormat="1" ht="24.9" customHeight="1" thickBot="1" x14ac:dyDescent="0.25">
      <c r="A28" s="153"/>
      <c r="B28" s="159"/>
      <c r="C28" s="16"/>
      <c r="D28" s="16" t="s">
        <v>17</v>
      </c>
      <c r="E28" s="16"/>
      <c r="F28" s="16"/>
      <c r="G28" s="15"/>
      <c r="H28" s="15"/>
      <c r="I28" s="14"/>
    </row>
    <row r="29" spans="1:9" s="11" customFormat="1" ht="24.9" customHeight="1" x14ac:dyDescent="0.2">
      <c r="A29" s="12" t="s">
        <v>0</v>
      </c>
      <c r="B29" s="12"/>
      <c r="C29" s="12"/>
      <c r="D29" s="12"/>
      <c r="E29" s="12"/>
      <c r="F29" s="12"/>
      <c r="G29" s="12"/>
      <c r="H29" s="12"/>
      <c r="I29" s="12"/>
    </row>
    <row r="30" spans="1:9" s="11" customFormat="1" ht="24.9" customHeight="1" x14ac:dyDescent="0.2">
      <c r="A30" s="12" t="s">
        <v>16</v>
      </c>
      <c r="B30" s="12"/>
      <c r="C30" s="12"/>
      <c r="D30" s="12"/>
      <c r="E30" s="12"/>
      <c r="F30" s="12"/>
      <c r="G30" s="12"/>
      <c r="H30" s="12"/>
      <c r="I30" s="12"/>
    </row>
    <row r="31" spans="1:9" s="11" customFormat="1" ht="24.9" customHeight="1" x14ac:dyDescent="0.2">
      <c r="A31" s="13" t="s">
        <v>15</v>
      </c>
      <c r="B31" s="12"/>
      <c r="C31" s="12"/>
      <c r="D31" s="12"/>
      <c r="E31" s="12"/>
      <c r="F31" s="12"/>
      <c r="G31" s="12"/>
      <c r="H31" s="12"/>
      <c r="I31" s="12"/>
    </row>
    <row r="32" spans="1:9" ht="24.9" customHeight="1" x14ac:dyDescent="0.2">
      <c r="A32" s="2"/>
      <c r="B32" s="2"/>
      <c r="C32" s="2"/>
      <c r="D32" s="2"/>
      <c r="E32" s="2"/>
      <c r="F32" s="2"/>
      <c r="G32" s="2"/>
      <c r="H32" s="2"/>
      <c r="I32" s="2"/>
    </row>
    <row r="33" spans="1:9" ht="24.9" customHeight="1" x14ac:dyDescent="0.2">
      <c r="A33" s="2"/>
      <c r="B33" s="2"/>
      <c r="C33" s="2"/>
      <c r="D33" s="2"/>
      <c r="E33" s="2"/>
      <c r="F33" s="2"/>
      <c r="G33" s="2"/>
      <c r="H33" s="2"/>
      <c r="I33" s="2"/>
    </row>
    <row r="34" spans="1:9" ht="24.9" customHeight="1" x14ac:dyDescent="0.2">
      <c r="A34" s="2"/>
      <c r="B34" s="2"/>
      <c r="C34" s="2"/>
      <c r="D34" s="2"/>
      <c r="E34" s="2"/>
      <c r="F34" s="2"/>
      <c r="G34" s="2"/>
      <c r="H34" s="2"/>
      <c r="I34" s="2"/>
    </row>
    <row r="35" spans="1:9" ht="24.9" customHeight="1" x14ac:dyDescent="0.2">
      <c r="A35" s="2"/>
      <c r="B35" s="2"/>
      <c r="C35" s="2"/>
      <c r="D35" s="2"/>
      <c r="E35" s="2"/>
      <c r="F35" s="2"/>
      <c r="G35" s="2"/>
      <c r="H35" s="2"/>
      <c r="I35" s="2"/>
    </row>
    <row r="36" spans="1:9" ht="24.9" customHeight="1" x14ac:dyDescent="0.2">
      <c r="A36" s="2"/>
      <c r="B36" s="2"/>
      <c r="C36" s="2"/>
      <c r="D36" s="2"/>
      <c r="E36" s="2"/>
      <c r="F36" s="2"/>
      <c r="G36" s="2"/>
      <c r="H36" s="2"/>
      <c r="I36" s="2"/>
    </row>
    <row r="37" spans="1:9" ht="24.9" customHeight="1" x14ac:dyDescent="0.2">
      <c r="A37" s="2"/>
      <c r="B37" s="2"/>
      <c r="C37" s="2"/>
      <c r="D37" s="2"/>
      <c r="E37" s="2"/>
      <c r="F37" s="2"/>
      <c r="G37" s="2"/>
      <c r="H37" s="2"/>
      <c r="I37" s="2"/>
    </row>
    <row r="38" spans="1:9" ht="24.9" customHeight="1" x14ac:dyDescent="0.2">
      <c r="A38" s="2"/>
      <c r="B38" s="2"/>
      <c r="C38" s="2"/>
      <c r="D38" s="2"/>
      <c r="E38" s="2"/>
      <c r="F38" s="2"/>
      <c r="G38" s="2"/>
      <c r="H38" s="2"/>
      <c r="I38" s="2"/>
    </row>
    <row r="39" spans="1:9" ht="24.9" customHeight="1" x14ac:dyDescent="0.2">
      <c r="A39" s="2"/>
      <c r="B39" s="2"/>
      <c r="C39" s="2"/>
      <c r="D39" s="2"/>
      <c r="E39" s="2"/>
      <c r="F39" s="2"/>
      <c r="G39" s="2"/>
      <c r="H39" s="2"/>
      <c r="I39" s="2"/>
    </row>
    <row r="40" spans="1:9" ht="24.9" customHeight="1" x14ac:dyDescent="0.2">
      <c r="A40" s="2"/>
      <c r="B40" s="2"/>
      <c r="C40" s="2"/>
      <c r="D40" s="2"/>
      <c r="E40" s="2"/>
      <c r="F40" s="2"/>
      <c r="G40" s="2"/>
      <c r="H40" s="2"/>
      <c r="I40" s="2"/>
    </row>
    <row r="41" spans="1:9" ht="24.9" customHeight="1" x14ac:dyDescent="0.2">
      <c r="A41" s="2"/>
      <c r="B41" s="2"/>
      <c r="C41" s="2"/>
      <c r="D41" s="2"/>
      <c r="E41" s="2"/>
      <c r="F41" s="2"/>
      <c r="G41" s="2"/>
      <c r="H41" s="2"/>
      <c r="I41" s="2"/>
    </row>
  </sheetData>
  <mergeCells count="14">
    <mergeCell ref="A22:A28"/>
    <mergeCell ref="D22:H22"/>
    <mergeCell ref="B23:B24"/>
    <mergeCell ref="C23:I24"/>
    <mergeCell ref="B25:B28"/>
    <mergeCell ref="A3:I3"/>
    <mergeCell ref="F5:I5"/>
    <mergeCell ref="A12:A21"/>
    <mergeCell ref="B14:B15"/>
    <mergeCell ref="C14:I14"/>
    <mergeCell ref="C15:I15"/>
    <mergeCell ref="B16:B18"/>
    <mergeCell ref="B19:B20"/>
    <mergeCell ref="D21:H21"/>
  </mergeCells>
  <phoneticPr fontId="3"/>
  <pageMargins left="1.1811023622047245" right="1.1811023622047245" top="0.98425196850393704" bottom="0.78740157480314965" header="0.51181102362204722" footer="0.51181102362204722"/>
  <pageSetup paperSize="9" scale="9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5</vt:i4>
      </vt:variant>
      <vt:variant>
        <vt:lpstr>名前付き一覧</vt:lpstr>
      </vt:variant>
      <vt:variant>
        <vt:i4>4</vt:i4>
      </vt:variant>
    </vt:vector>
  </HeadingPairs>
  <TitlesOfParts>
    <vt:vector size="9" baseType="lpstr">
      <vt:lpstr>チェックリスト  (新規)</vt:lpstr>
      <vt:lpstr>チェックリスト （更新）</vt:lpstr>
      <vt:lpstr>様式7-2 誓約書 </vt:lpstr>
      <vt:lpstr>様式9(異動届)</vt:lpstr>
      <vt:lpstr>様式10(再交付)</vt:lpstr>
      <vt:lpstr>'チェックリスト  (新規)'!Print_Area</vt:lpstr>
      <vt:lpstr>'チェックリスト （更新）'!Print_Area</vt:lpstr>
      <vt:lpstr>'様式10(再交付)'!Print_Area</vt:lpstr>
      <vt:lpstr>'様式9(異動届)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大西 さおり</dc:creator>
  <cp:lastModifiedBy>大西 さおり</cp:lastModifiedBy>
  <dcterms:created xsi:type="dcterms:W3CDTF">2025-10-22T02:24:35Z</dcterms:created>
  <dcterms:modified xsi:type="dcterms:W3CDTF">2025-10-24T01:24:27Z</dcterms:modified>
</cp:coreProperties>
</file>